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776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1\profile\michal.krol\Desktop\bazy maz i podk\bazy dla mediów\"/>
    </mc:Choice>
  </mc:AlternateContent>
  <bookViews>
    <workbookView xWindow="0" yWindow="0" windowWidth="19200" windowHeight="11370" activeTab="1"/>
  </bookViews>
  <sheets>
    <sheet name="Arkusz2" sheetId="2" r:id="rId1"/>
    <sheet name="Sheet" sheetId="1" r:id="rId2"/>
  </sheets>
  <definedNames>
    <definedName name="_xlnm._FilterDatabase" localSheetId="1" hidden="1">Sheet!$A$1:$AK$1</definedName>
  </definedNames>
  <calcPr calcId="0"/>
  <pivotCaches>
    <pivotCache cacheId="9" r:id="rId3"/>
  </pivotCaches>
</workbook>
</file>

<file path=xl/sharedStrings.xml><?xml version="1.0" encoding="utf-8"?>
<sst xmlns="http://schemas.openxmlformats.org/spreadsheetml/2006/main" count="944" uniqueCount="309">
  <si>
    <t>Województwo</t>
  </si>
  <si>
    <t>Powiat</t>
  </si>
  <si>
    <t>Gmina</t>
  </si>
  <si>
    <t>Miejscowość</t>
  </si>
  <si>
    <t>Kategoria</t>
  </si>
  <si>
    <t>Podmiot</t>
  </si>
  <si>
    <t>Drużyna</t>
  </si>
  <si>
    <t>Zawodnicy</t>
  </si>
  <si>
    <t>PODKARPACKIE</t>
  </si>
  <si>
    <t>brzozowski</t>
  </si>
  <si>
    <t>Domaradz</t>
  </si>
  <si>
    <t>Golcowa</t>
  </si>
  <si>
    <t>ZPNS - U10 (dziewczęta)</t>
  </si>
  <si>
    <t>Szkoła Podstawowa nr 1</t>
  </si>
  <si>
    <t>SP Nr 1 GOLCOWA</t>
  </si>
  <si>
    <t>ZPNS - U12 (dziewczęta)</t>
  </si>
  <si>
    <t>Szkoła Podstawowa nr 1 w Domaradzu</t>
  </si>
  <si>
    <t>Szkoła Podstawowa nr 1 w Domaradzu U12K 2246</t>
  </si>
  <si>
    <t>Nozdrzec</t>
  </si>
  <si>
    <t>Hłudno</t>
  </si>
  <si>
    <t>ZPNS - U10 (chłopcy)</t>
  </si>
  <si>
    <t>Szkoła Podstawowa im. Kardynała Stefana Wyszyńskiego w Hłudnie</t>
  </si>
  <si>
    <t>UKS Hłudno U10M 5349</t>
  </si>
  <si>
    <t>ZPNS - U12 (chłopcy)</t>
  </si>
  <si>
    <t>UKS Hłudno U12M 6613</t>
  </si>
  <si>
    <t>dębicki</t>
  </si>
  <si>
    <t>Czarna</t>
  </si>
  <si>
    <t>ZPNS - U8 (chłopcy)</t>
  </si>
  <si>
    <t>Publiczna Szkoła Podstawowa</t>
  </si>
  <si>
    <t>Publiczna Szkoła Podstawowa U8M 1543</t>
  </si>
  <si>
    <t>Dębica</t>
  </si>
  <si>
    <t>Publiczna Szkoła Podstawowa Nr 9</t>
  </si>
  <si>
    <t>Publiczna Szkoła Podstawowa Nr 9 U10M 4270</t>
  </si>
  <si>
    <t>Brzeźnica</t>
  </si>
  <si>
    <t>Publiczna Szkoła Podstawowa w Brzeźnicy</t>
  </si>
  <si>
    <t xml:space="preserve">UKS Brzeźnica </t>
  </si>
  <si>
    <t>Jarosław</t>
  </si>
  <si>
    <t>Pustków</t>
  </si>
  <si>
    <t>Publiczna Szkoła Podstawowa z Oddziałami Integracyjnymi w Pustkowie</t>
  </si>
  <si>
    <t>Diamentowe Serca Piłki</t>
  </si>
  <si>
    <t>Publiczna Szkoła Podstawowa nr 11 z Oddziałami Integracyjnymi w Dębicy</t>
  </si>
  <si>
    <t>Publiczna Szkoła Podstawowa nr 11 z Oddziałami Integracyjnymi w Dębicy U10K 712</t>
  </si>
  <si>
    <t>Publiczna Szkoła Podstawowa nr 11 z Oddziałami Integracyjnymi w Dębicy U12M 3485</t>
  </si>
  <si>
    <t>Publiczna Szkoła Podstawowa Nr 9 U12M 5330</t>
  </si>
  <si>
    <t>Publiczna Szkoła Podstawowa nr 11 z Oddziałami Integracyjnymi w Dębicy U12K 1233</t>
  </si>
  <si>
    <t>Publiczna Szkoła Podstawowa z Oddziałami Integracyjnymi w Pustkowie U12K 2128</t>
  </si>
  <si>
    <t>Publiczna Szkoła Podstawowa Nr 9 U8M 2206</t>
  </si>
  <si>
    <t>ZPNS - U8 (dziewczęta)</t>
  </si>
  <si>
    <t>Publiczna Szkoła Podstawowa nr 11 z Oddziałami Integracyjnymi w Dębicy U8K 386</t>
  </si>
  <si>
    <t>Publiczna Szkoła Podstawowa z Oddziałami Integracyjnymi w Pustkowie U8K 424</t>
  </si>
  <si>
    <t>jarosławski</t>
  </si>
  <si>
    <t>SZYMO-SPORT</t>
  </si>
  <si>
    <t>Orlik Czwórka Jarosław</t>
  </si>
  <si>
    <t>Tuczempy</t>
  </si>
  <si>
    <t>Szkoła Podstawowa w Tuczempach</t>
  </si>
  <si>
    <t>Szkoła Podstawowa w Tuczempach U10K 1274</t>
  </si>
  <si>
    <t>Szkoła Podstawowa Mistrzostwa Sportowego w Jarosławiu</t>
  </si>
  <si>
    <t>Szkoła Podstawowa Mistrzostwa Sportowego w Jarosławiu U12M 5744</t>
  </si>
  <si>
    <t>Wólka Pełkińska</t>
  </si>
  <si>
    <t>Szkoła Podstawowa im.Kardynała Stefana Wyszyńskiego w Wólce Pełkińskiej</t>
  </si>
  <si>
    <t>Szkoła Podstawowa im.Kardynała Stefana Wyszyńskiego w Wólce Pełkińskiej U12K 1271</t>
  </si>
  <si>
    <t>Szkoła Podstawowa w Tuczempach U8K 451</t>
  </si>
  <si>
    <t>Pawłosiów</t>
  </si>
  <si>
    <t>Maleniska</t>
  </si>
  <si>
    <t>Szkoła Podstawowa w Wierzbnej</t>
  </si>
  <si>
    <t>Szkoła Podstawowa w Wierzbnej U8M 2645</t>
  </si>
  <si>
    <t>jasielski</t>
  </si>
  <si>
    <t>Jasło</t>
  </si>
  <si>
    <t>Uczniowski Klub Sportowy"SZÓSTKA"Jasło</t>
  </si>
  <si>
    <t>Uczniowski Klub Sportowy"SZÓSTKA"Jasło U10M 4085</t>
  </si>
  <si>
    <t>Uczniowski Klub Sportowy"SZÓSTKA"Jasło U12M 5110</t>
  </si>
  <si>
    <t>Nowy Żmigród</t>
  </si>
  <si>
    <t>Brzezowa</t>
  </si>
  <si>
    <t>Szkoła Podstawowa w Zespole Szkół w Łężynach</t>
  </si>
  <si>
    <t>Szkoła Podstawowa w Zespole Szkół w Łężynach U12K 1773</t>
  </si>
  <si>
    <t>Nienaszów</t>
  </si>
  <si>
    <t>UKS "TEMPO" Nienaszów</t>
  </si>
  <si>
    <t>UKS "TEMPO" Nienaszów U8M 1674</t>
  </si>
  <si>
    <t>kolbuszowski</t>
  </si>
  <si>
    <t>Kolbuszowa</t>
  </si>
  <si>
    <t>Szkoła Podstawowa nr 2</t>
  </si>
  <si>
    <t>Szkoła Podstawowa nr 2 Kolbuszowa U10K 1188</t>
  </si>
  <si>
    <t>Szkoła Podstawowa nr 1 w Kolbuszowej</t>
  </si>
  <si>
    <t>Jedyneczki</t>
  </si>
  <si>
    <t>Majdan Królewski</t>
  </si>
  <si>
    <t>Publiczna Szkoła Podstawowa im.Marii Skłodowskiej-Curie</t>
  </si>
  <si>
    <t>Korona UKS Majdan Królewski</t>
  </si>
  <si>
    <t>Niwiska</t>
  </si>
  <si>
    <t>Trześń</t>
  </si>
  <si>
    <t>Szkoła Podstawowa w Trześni</t>
  </si>
  <si>
    <t>Szkoła Podstawowa w Trześni U8M 2637</t>
  </si>
  <si>
    <t>Raniżów</t>
  </si>
  <si>
    <t>Szkoła Podstawowa w Raniżowie</t>
  </si>
  <si>
    <t>Szkoła Podstawowa w Raniżowie U12M 5351</t>
  </si>
  <si>
    <t>krośnieński</t>
  </si>
  <si>
    <t>Dukla</t>
  </si>
  <si>
    <t>MIEJSKI OŚRODEK SPORTU I REKREACJI W DUKLI</t>
  </si>
  <si>
    <t>MOSiR Dukla U - 10</t>
  </si>
  <si>
    <t>MOSiR Dukla U - 12</t>
  </si>
  <si>
    <t>MOSiR Dukla U-8</t>
  </si>
  <si>
    <t>Jaśliska</t>
  </si>
  <si>
    <t>Szkoła Podstawowa w Jaśliskach</t>
  </si>
  <si>
    <t>Szkoła Podstawowa w Jaśliskach U12K 2000</t>
  </si>
  <si>
    <t>Jedlicze</t>
  </si>
  <si>
    <t>Dobieszyn</t>
  </si>
  <si>
    <t>UKS Beniaminek Krosno</t>
  </si>
  <si>
    <t>UKS Beniaminek Krosno U10M 4860</t>
  </si>
  <si>
    <t>UKS  BENIAMINEK KROSNO</t>
  </si>
  <si>
    <t>UKS  BENIAMINEK KROSNO U10K 897</t>
  </si>
  <si>
    <t>UKS Beniaminek Krosno U12M 5093</t>
  </si>
  <si>
    <t>UKS  BENIAMINEK KROSNO U12K 1492</t>
  </si>
  <si>
    <t>UKS Beniaminek Krosno U8M 2496</t>
  </si>
  <si>
    <t>UKS  BENIAMINEK KROSNO U8K 499</t>
  </si>
  <si>
    <t>Rymanów</t>
  </si>
  <si>
    <t>AP AKTIV PRO RYMANÓW</t>
  </si>
  <si>
    <t>AP Aktiv Pro I / U-10</t>
  </si>
  <si>
    <t>AP Aktiv Pro I / U-12</t>
  </si>
  <si>
    <t>AP Aktiv Pro I / U-8</t>
  </si>
  <si>
    <t>łańcucki</t>
  </si>
  <si>
    <t>Żołynia</t>
  </si>
  <si>
    <t>Brzóza Stadnicka</t>
  </si>
  <si>
    <t>Szkoła Podstawowa w Brzózie Stadnickiej</t>
  </si>
  <si>
    <t>SP Brzóza Stadnicka</t>
  </si>
  <si>
    <t>SP Brzóza Stadnicka 2</t>
  </si>
  <si>
    <t>leski</t>
  </si>
  <si>
    <t>Lesko</t>
  </si>
  <si>
    <t>UCZNIOWSKI KLUB SPORTOWY SZKÓŁKA PIŁKARSKA "WILCZKI" LESKO</t>
  </si>
  <si>
    <t>UCZNIOWSKI KLUB SPORTOWY SZKÓŁKA PIŁKARSKA "WILCZKI" LESKO U10M 4915</t>
  </si>
  <si>
    <t>Olszanica</t>
  </si>
  <si>
    <t>Paszowa</t>
  </si>
  <si>
    <t>Szkoła Podstawowa w Uhercach Mineralnych</t>
  </si>
  <si>
    <t>Szkoła Podstawowa w Uhercach Mineralnych U12M 5176</t>
  </si>
  <si>
    <t>leżajski</t>
  </si>
  <si>
    <t>Grodzisko Dolne</t>
  </si>
  <si>
    <t>Grodzisko Górne</t>
  </si>
  <si>
    <t>Szkoła Podstawowa</t>
  </si>
  <si>
    <t>Grodzisko Dolne (Dz U10)</t>
  </si>
  <si>
    <t>Grodzisko Dolne (DZ U12)</t>
  </si>
  <si>
    <t>Grodzisko Dolne (DZ)</t>
  </si>
  <si>
    <t>Leżajsk</t>
  </si>
  <si>
    <t>Szkoła Podstawowa Nr 2 w Leżajsku</t>
  </si>
  <si>
    <t>Szkoła Podstawowa Nr 2 w Leżajsku U10M 3985</t>
  </si>
  <si>
    <t>Szkoła Podstawowa Nr 2 w Leżajsku U12M 4996</t>
  </si>
  <si>
    <t>lubaczowski</t>
  </si>
  <si>
    <t>Lubaczów</t>
  </si>
  <si>
    <t>Młodów</t>
  </si>
  <si>
    <t>Szkoła Podstawowa im. Marii Konopnickiej w Młodowie</t>
  </si>
  <si>
    <t>Szkoła Podstawowa im. Marii Konopnickiej w Młodowie U10K 843</t>
  </si>
  <si>
    <t>UCZNIOWSKI KLUB SPORTOWY FOOTBALL ACADEMY W LUBACZOWIE</t>
  </si>
  <si>
    <t>UCZNIOWSKI KLUB SPORTOWY FOOTBALL ACADEMY W LUBACZOWIE U8M 1759</t>
  </si>
  <si>
    <t>Oleszyce</t>
  </si>
  <si>
    <t>Futory</t>
  </si>
  <si>
    <t>Szkoła Podstawowa w Futorach</t>
  </si>
  <si>
    <t>WALECZNI FUTORY</t>
  </si>
  <si>
    <t>Szkoła Podstawowa w Oleszycach</t>
  </si>
  <si>
    <t>SP OLESZYCE 1</t>
  </si>
  <si>
    <t>mielecki</t>
  </si>
  <si>
    <t>Mielec</t>
  </si>
  <si>
    <t>Niepubliczna Szkoła Podstawowa Mistrzostwa Sportowego w Mielcu</t>
  </si>
  <si>
    <t>Niepubliczna Szkoła Podstawowa Mistrzostwa Sportowego w Mielcu U10M 4363</t>
  </si>
  <si>
    <t>Niepubliczna Szkoła Podstawowa Mistrzostwa Sportowego w Mielcu U12M 4373</t>
  </si>
  <si>
    <t>Radomyśl Wielki</t>
  </si>
  <si>
    <t>PIŁKARSKA AKADEMIA MAŁY PIŁKARZ</t>
  </si>
  <si>
    <t>PIŁKARSKA AKADEMIA MAŁY PIŁKARZ U8M 2572</t>
  </si>
  <si>
    <t>Tuszów Narodowy</t>
  </si>
  <si>
    <t>Dębiaki</t>
  </si>
  <si>
    <t>SZKOŁA PODSTAWOWA W MALINIU</t>
  </si>
  <si>
    <t>SZKOŁA PODSTAWOWA W MALINIU U10M 4043</t>
  </si>
  <si>
    <t>Wadowice Górne</t>
  </si>
  <si>
    <t>Szkoła Podstawowa w Wadowicach Górnych</t>
  </si>
  <si>
    <t>Szkoła Podstawowa w Wadowicach Górnych U10K 1063</t>
  </si>
  <si>
    <t>Szkoła Podstawowa w Wadowicach Górnych U12M 4869</t>
  </si>
  <si>
    <t>Szkoła Podstawowa w Wadowicach Górnych U12K 1742</t>
  </si>
  <si>
    <t>Wampierzów</t>
  </si>
  <si>
    <t>Szkoła Podstawowa w Jamach</t>
  </si>
  <si>
    <t>Szkoła Podstawowa w Jamach U8K 488</t>
  </si>
  <si>
    <t>niżański</t>
  </si>
  <si>
    <t>Jeżowe</t>
  </si>
  <si>
    <t>Jata</t>
  </si>
  <si>
    <t>Publiczna Szkoła Podstawowa w Jacie</t>
  </si>
  <si>
    <t>Publiczna Szkoła Podstawowa w Jacie U12M 5656</t>
  </si>
  <si>
    <t>Nisko</t>
  </si>
  <si>
    <t>UCZNOWSKI KLUB SPORTOWY FOOTBALL ACADEMY NISKO</t>
  </si>
  <si>
    <t>UCZNOWSKI KLUB SPORTOWY FOOTBALL ACADEMY NISKO U10M 4486</t>
  </si>
  <si>
    <t>UCZNOWSKI KLUB SPORTOWY FOOTBALL ACADEMY NISKO U10K 1212</t>
  </si>
  <si>
    <t>UCZNOWSKI KLUB SPORTOWY FOOTBALL ACADEMY NISKO U8M 1762</t>
  </si>
  <si>
    <t>Ulanów</t>
  </si>
  <si>
    <t>Szkoła Podstawowa im. Marii Konopnickiej w Zespole Szkół Ulanowie</t>
  </si>
  <si>
    <t>Szkoła Podstawowa im. Marii Konopnickiej w Zespole Szkół Ulanowie U12K 2234</t>
  </si>
  <si>
    <t>przemyski</t>
  </si>
  <si>
    <t>Bircza</t>
  </si>
  <si>
    <t>Szkoła Podstawowa w Birczy</t>
  </si>
  <si>
    <t>Szkoła Podstawowa w Birczy U12M 6153</t>
  </si>
  <si>
    <t>Orły</t>
  </si>
  <si>
    <t>Małkowice</t>
  </si>
  <si>
    <t>Szkoła Podstawowa w Kaszycach</t>
  </si>
  <si>
    <t>Szkoła Podstawowa w Kaszycach U8M 2179</t>
  </si>
  <si>
    <t>Stubno</t>
  </si>
  <si>
    <t>Szkoła Podstawowa w Zespole Szkół w Stubnie</t>
  </si>
  <si>
    <t>Szkoła Podstawowa w Zespole Szkół w Stubnie U10M 3881</t>
  </si>
  <si>
    <t>Zespół Szkół w Kalnikowie Szkoła Podstawowa</t>
  </si>
  <si>
    <t>SP Kalników U-10</t>
  </si>
  <si>
    <t>SP Kalników U-12</t>
  </si>
  <si>
    <t>SP Kalników U-8</t>
  </si>
  <si>
    <t>Przemyśl</t>
  </si>
  <si>
    <t>UKS Orlik Przemyśl</t>
  </si>
  <si>
    <t>UKS Orlik Przemyśl U10M 2796</t>
  </si>
  <si>
    <t>UKS "Czwórka" Przemyśl</t>
  </si>
  <si>
    <t>UKS "Czwórka" Przemyśl U10K 1268</t>
  </si>
  <si>
    <t>Szkoła Podstawowa Nr 16</t>
  </si>
  <si>
    <t>Szkoła Podstawowa Nr 16 U12M 6972</t>
  </si>
  <si>
    <t>Szkola podstawowa nr 15</t>
  </si>
  <si>
    <t>UKS 15 PRZEMYŚL -ZRYW BUSZKOWICZKI</t>
  </si>
  <si>
    <t>UKS Orlik Przemyśl U8M 1398</t>
  </si>
  <si>
    <t>UKS "Czwórka" Przemyśl U8K 675</t>
  </si>
  <si>
    <t>przeworski</t>
  </si>
  <si>
    <t>Przeworsk</t>
  </si>
  <si>
    <t>SZKOŁA PODSTAWOWA NR 2 IM. HUGONA KOŁŁĄTAJA W PRZEWORSKU</t>
  </si>
  <si>
    <t>SZKOŁA PODSTAWOWA NR 2 IM. HUGONA KOŁŁĄTAJA W PRZEWORSKU U10M 2923</t>
  </si>
  <si>
    <t>Szkoła Podstawowa nr 1 U12M 4970</t>
  </si>
  <si>
    <t>Szkoła Podstawowa nr 1 U12K 1779</t>
  </si>
  <si>
    <t>Sieniawa</t>
  </si>
  <si>
    <t>Uczniowski Klub Sportowy "Sokół" Sieniawa</t>
  </si>
  <si>
    <t>Uczniowski Klub Sportowy "Sokół" Sieniawa U8M 2000</t>
  </si>
  <si>
    <t>Rzeszów</t>
  </si>
  <si>
    <t>AMO RZESZÓW</t>
  </si>
  <si>
    <t>AMO RZESZÓW U10M 3826</t>
  </si>
  <si>
    <t>Szkoła Podstawowa Mistrzostwa Sportowego Resovia</t>
  </si>
  <si>
    <t>Szkoła Podstawowa Mistrzostwa Sportowego Resovia U12M 5159</t>
  </si>
  <si>
    <t>Szkoła Podstawowa Nr 12 w Rzeszowie</t>
  </si>
  <si>
    <t>Szkoła Podstawowa Nr 12 w Rzeszowie  1 U12K 1392</t>
  </si>
  <si>
    <t>AMO RZESZÓW U8M 1982</t>
  </si>
  <si>
    <t>rzeszowski</t>
  </si>
  <si>
    <t>Głogów Małopolski</t>
  </si>
  <si>
    <t>Szkoła Podstawowa w Głogowie Małopolskim</t>
  </si>
  <si>
    <t>Szkoła Podstawowa w Głogowie Małopolskim U12M 4818</t>
  </si>
  <si>
    <t>UKS IKAR</t>
  </si>
  <si>
    <t>UKS IKAR U8M 1478</t>
  </si>
  <si>
    <t>Kamień</t>
  </si>
  <si>
    <t>Szkoła Podstawowa w Krzywej Wsi</t>
  </si>
  <si>
    <t>Szkoła Podstawowa w Krzywej Wsi U10M</t>
  </si>
  <si>
    <t>Łowisko</t>
  </si>
  <si>
    <t>UKS ,,ŁOWISKO"</t>
  </si>
  <si>
    <t>UKS,,ŁOWISKO" U10K 1045</t>
  </si>
  <si>
    <t>UKS,,ŁOWISKO" U12K 1704</t>
  </si>
  <si>
    <t>UKS,,ŁOWISKO" U8K 576</t>
  </si>
  <si>
    <t>sanocki</t>
  </si>
  <si>
    <t>Besko</t>
  </si>
  <si>
    <t>Zespół Szkół w Besku Szkoła Podstawowa w Besku</t>
  </si>
  <si>
    <t>Zespół Szkół w Besku Szkoła Podstawowa w Besku U10M 3576</t>
  </si>
  <si>
    <t>Zespół Szkół w Besku Szkoła Podstawowa w Besku U10K 984</t>
  </si>
  <si>
    <t>Zespół Szkół w Besku Szkoła Podstawowa w Besku U8M 1851</t>
  </si>
  <si>
    <t>Bukowsko</t>
  </si>
  <si>
    <t>Nagórzany</t>
  </si>
  <si>
    <t>Szkoła Podstawowa w Bukowsku</t>
  </si>
  <si>
    <t>Szkoła Podstawowa w Bukowsku U12M 5793</t>
  </si>
  <si>
    <t>Pobiedno</t>
  </si>
  <si>
    <t>Szkoła Podstawowa U12K 1284</t>
  </si>
  <si>
    <t>stalowowolski</t>
  </si>
  <si>
    <t>Pysznica</t>
  </si>
  <si>
    <t>Publiczna Szkoła Podstawowa im. Jana Pawła II w Pysznicy</t>
  </si>
  <si>
    <t>Olimpia</t>
  </si>
  <si>
    <t>Olimpia-Orlęta Pysznica</t>
  </si>
  <si>
    <t xml:space="preserve">Olimpia-Orlęta </t>
  </si>
  <si>
    <t>Stalowa Wola</t>
  </si>
  <si>
    <t>AKADEMIA PIŁKARSKA STALOWA WOLA</t>
  </si>
  <si>
    <t>AKADEMIA PIŁKARSKA STALOWA WOLA U10M 3589</t>
  </si>
  <si>
    <t>Publiczna Szkoła Podstawowa z Oddziałami Integracyjnymi Nr 7 w Stalowej Woli</t>
  </si>
  <si>
    <t>Publiczna Szkoła Podstawowa z Oddziałami Integracyjnymi Nr 7 w Stalowej Woli U12M 6721</t>
  </si>
  <si>
    <t>AKADEMIA PIŁKARSKA STALOWA WOLA U8M 1859</t>
  </si>
  <si>
    <t>strzyżowski</t>
  </si>
  <si>
    <t>Wiśniowa</t>
  </si>
  <si>
    <t>Szkoła Podstawowa w Wiśniowej</t>
  </si>
  <si>
    <t>Wilki2</t>
  </si>
  <si>
    <t>Wilki</t>
  </si>
  <si>
    <t>tarnobrzeski</t>
  </si>
  <si>
    <t>Gorzyce</t>
  </si>
  <si>
    <t>Sokolniki</t>
  </si>
  <si>
    <t>Szkoła Podstawowa im. ks. Jana Twardowskiego</t>
  </si>
  <si>
    <t>DAP Lider U-12</t>
  </si>
  <si>
    <t>Nowa Dęba</t>
  </si>
  <si>
    <t>SAMORZĄDOWY OŚRODEK SPORTU I REKREACJI W NOWEJ DĘBIE</t>
  </si>
  <si>
    <t>SAMORZĄDOWY OŚRODEK SPORTU I REKREACJI W NOWEJ DĘBIE U10M 3635</t>
  </si>
  <si>
    <t>SOSiR Nowa Dęba</t>
  </si>
  <si>
    <t>Etykiety wierszy</t>
  </si>
  <si>
    <t>Suma końcowa</t>
  </si>
  <si>
    <t>PODKARPACKIE Suma</t>
  </si>
  <si>
    <t>brzozowski Suma</t>
  </si>
  <si>
    <t>dębicki Suma</t>
  </si>
  <si>
    <t>jarosławski Suma</t>
  </si>
  <si>
    <t>jasielski Suma</t>
  </si>
  <si>
    <t>kolbuszowski Suma</t>
  </si>
  <si>
    <t>krośnieński Suma</t>
  </si>
  <si>
    <t>leski Suma</t>
  </si>
  <si>
    <t>leżajski Suma</t>
  </si>
  <si>
    <t>lubaczowski Suma</t>
  </si>
  <si>
    <t>łańcucki Suma</t>
  </si>
  <si>
    <t>mielecki Suma</t>
  </si>
  <si>
    <t>niżański Suma</t>
  </si>
  <si>
    <t>przemyski Suma</t>
  </si>
  <si>
    <t>Przemyśl Suma</t>
  </si>
  <si>
    <t>przeworski Suma</t>
  </si>
  <si>
    <t>rzeszowski Suma</t>
  </si>
  <si>
    <t>Rzeszów Suma</t>
  </si>
  <si>
    <t>sanocki Suma</t>
  </si>
  <si>
    <t>stalowowolski Suma</t>
  </si>
  <si>
    <t>strzyżowski Suma</t>
  </si>
  <si>
    <t>tarnobrzeski Suma</t>
  </si>
  <si>
    <t>Suma z Zawodnic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8"/>
      <color theme="3"/>
      <name val="Calibri Light"/>
      <family val="2"/>
      <charset val="238"/>
      <scheme val="major"/>
    </font>
    <font>
      <b/>
      <sz val="15"/>
      <color theme="3"/>
      <name val="Calibri"/>
      <family val="2"/>
      <charset val="238"/>
      <scheme val="minor"/>
    </font>
    <font>
      <b/>
      <sz val="13"/>
      <color theme="3"/>
      <name val="Calibri"/>
      <family val="2"/>
      <charset val="238"/>
      <scheme val="minor"/>
    </font>
    <font>
      <b/>
      <sz val="11"/>
      <color theme="3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9C0006"/>
      <name val="Calibri"/>
      <family val="2"/>
      <charset val="238"/>
      <scheme val="minor"/>
    </font>
    <font>
      <sz val="11"/>
      <color rgb="FF9C57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color rgb="FFFA7D00"/>
      <name val="Calibri"/>
      <family val="2"/>
      <charset val="238"/>
      <scheme val="minor"/>
    </font>
    <font>
      <sz val="11"/>
      <color rgb="FFFA7D00"/>
      <name val="Calibri"/>
      <family val="2"/>
      <charset val="238"/>
      <scheme val="minor"/>
    </font>
    <font>
      <b/>
      <sz val="11"/>
      <color theme="0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  <font>
      <sz val="8.25"/>
      <color indexed="8"/>
      <name val="Segoe UI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D9E7F9"/>
        <bgColor indexed="64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10">
    <xf numFmtId="0" fontId="0" fillId="0" borderId="0" xfId="0"/>
    <xf numFmtId="0" fontId="18" fillId="33" borderId="10" xfId="0" applyNumberFormat="1" applyFont="1" applyFill="1" applyBorder="1" applyAlignment="1" applyProtection="1">
      <alignment horizontal="center" vertical="center"/>
    </xf>
    <xf numFmtId="49" fontId="18" fillId="34" borderId="10" xfId="0" applyNumberFormat="1" applyFont="1" applyFill="1" applyBorder="1" applyAlignment="1" applyProtection="1">
      <alignment horizontal="left" vertical="center"/>
    </xf>
    <xf numFmtId="49" fontId="18" fillId="0" borderId="10" xfId="0" applyNumberFormat="1" applyFont="1" applyFill="1" applyBorder="1" applyAlignment="1" applyProtection="1">
      <alignment horizontal="left" vertical="center"/>
    </xf>
    <xf numFmtId="49" fontId="18" fillId="34" borderId="10" xfId="0" applyNumberFormat="1" applyFont="1" applyFill="1" applyBorder="1" applyAlignment="1" applyProtection="1">
      <alignment horizontal="center" vertical="center"/>
    </xf>
    <xf numFmtId="0" fontId="0" fillId="0" borderId="0" xfId="0" pivotButton="1"/>
    <xf numFmtId="0" fontId="0" fillId="0" borderId="0" xfId="0" applyAlignment="1">
      <alignment horizontal="left"/>
    </xf>
    <xf numFmtId="0" fontId="0" fillId="0" borderId="0" xfId="0" applyAlignment="1">
      <alignment horizontal="left" indent="1"/>
    </xf>
    <xf numFmtId="0" fontId="0" fillId="0" borderId="0" xfId="0" applyAlignment="1">
      <alignment horizontal="left" indent="2"/>
    </xf>
    <xf numFmtId="0" fontId="0" fillId="0" borderId="0" xfId="0" applyNumberFormat="1"/>
  </cellXfs>
  <cellStyles count="42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Dane wejściowe" xfId="9" builtinId="20" customBuiltin="1"/>
    <cellStyle name="Dane wyjściowe" xfId="10" builtinId="21" customBuiltin="1"/>
    <cellStyle name="Dobry" xfId="6" builtinId="26" customBuiltin="1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/>
    <cellStyle name="Obliczenia" xfId="11" builtinId="22" customBuiltin="1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pivotCacheDefinition" Target="pivotCache/pivotCacheDefinition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Michał Król" refreshedDate="42823.440847453705" createdVersion="6" refreshedVersion="6" minRefreshableVersion="3" recordCount="113">
  <cacheSource type="worksheet">
    <worksheetSource ref="A1:H114" sheet="Sheet"/>
  </cacheSource>
  <cacheFields count="8">
    <cacheField name="Województwo" numFmtId="49">
      <sharedItems count="1">
        <s v="PODKARPACKIE"/>
      </sharedItems>
    </cacheField>
    <cacheField name="Powiat" numFmtId="49">
      <sharedItems count="21">
        <s v="brzozowski"/>
        <s v="dębicki"/>
        <s v="jarosławski"/>
        <s v="jasielski"/>
        <s v="kolbuszowski"/>
        <s v="krośnieński"/>
        <s v="leski"/>
        <s v="leżajski"/>
        <s v="lubaczowski"/>
        <s v="łańcucki"/>
        <s v="mielecki"/>
        <s v="niżański"/>
        <s v="przemyski"/>
        <s v="Przemyśl"/>
        <s v="przeworski"/>
        <s v="rzeszowski"/>
        <s v="Rzeszów"/>
        <s v="sanocki"/>
        <s v="stalowowolski"/>
        <s v="strzyżowski"/>
        <s v="tarnobrzeski"/>
      </sharedItems>
    </cacheField>
    <cacheField name="Gmina" numFmtId="49">
      <sharedItems/>
    </cacheField>
    <cacheField name="Miejscowość" numFmtId="49">
      <sharedItems/>
    </cacheField>
    <cacheField name="Kategoria" numFmtId="49">
      <sharedItems count="6">
        <s v="ZPNS - U10 (chłopcy)"/>
        <s v="ZPNS - U10 (dziewczęta)"/>
        <s v="ZPNS - U12 (chłopcy)"/>
        <s v="ZPNS - U12 (dziewczęta)"/>
        <s v="ZPNS - U8 (chłopcy)"/>
        <s v="ZPNS - U8 (dziewczęta)"/>
      </sharedItems>
    </cacheField>
    <cacheField name="Podmiot" numFmtId="49">
      <sharedItems/>
    </cacheField>
    <cacheField name="Drużyna" numFmtId="49">
      <sharedItems/>
    </cacheField>
    <cacheField name="Zawodnicy" numFmtId="49">
      <sharedItems containsSemiMixedTypes="0" containsString="0" containsNumber="1" containsInteger="1" minValue="0" maxValue="10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113">
  <r>
    <x v="0"/>
    <x v="0"/>
    <s v="Nozdrzec"/>
    <s v="Hłudno"/>
    <x v="0"/>
    <s v="Szkoła Podstawowa im. Kardynała Stefana Wyszyńskiego w Hłudnie"/>
    <s v="UKS Hłudno U10M 5349"/>
    <n v="9"/>
  </r>
  <r>
    <x v="0"/>
    <x v="0"/>
    <s v="Domaradz"/>
    <s v="Golcowa"/>
    <x v="1"/>
    <s v="Szkoła Podstawowa nr 1"/>
    <s v="SP Nr 1 GOLCOWA"/>
    <n v="10"/>
  </r>
  <r>
    <x v="0"/>
    <x v="0"/>
    <s v="Nozdrzec"/>
    <s v="Hłudno"/>
    <x v="2"/>
    <s v="Szkoła Podstawowa im. Kardynała Stefana Wyszyńskiego w Hłudnie"/>
    <s v="UKS Hłudno U12M 6613"/>
    <n v="10"/>
  </r>
  <r>
    <x v="0"/>
    <x v="0"/>
    <s v="Domaradz"/>
    <s v="Domaradz"/>
    <x v="3"/>
    <s v="Szkoła Podstawowa nr 1 w Domaradzu"/>
    <s v="Szkoła Podstawowa nr 1 w Domaradzu U12K 2246"/>
    <n v="9"/>
  </r>
  <r>
    <x v="0"/>
    <x v="1"/>
    <s v="Dębica"/>
    <s v="Dębica"/>
    <x v="0"/>
    <s v="Publiczna Szkoła Podstawowa Nr 9"/>
    <s v="Publiczna Szkoła Podstawowa Nr 9 U10M 4270"/>
    <n v="10"/>
  </r>
  <r>
    <x v="0"/>
    <x v="1"/>
    <s v="Dębica"/>
    <s v="Brzeźnica"/>
    <x v="0"/>
    <s v="Publiczna Szkoła Podstawowa w Brzeźnicy"/>
    <s v="UKS Brzeźnica "/>
    <n v="10"/>
  </r>
  <r>
    <x v="0"/>
    <x v="1"/>
    <s v="Dębica"/>
    <s v="Pustków"/>
    <x v="1"/>
    <s v="Publiczna Szkoła Podstawowa z Oddziałami Integracyjnymi w Pustkowie"/>
    <s v="Diamentowe Serca Piłki"/>
    <n v="10"/>
  </r>
  <r>
    <x v="0"/>
    <x v="1"/>
    <s v="Dębica"/>
    <s v="Dębica"/>
    <x v="1"/>
    <s v="Publiczna Szkoła Podstawowa nr 11 z Oddziałami Integracyjnymi w Dębicy"/>
    <s v="Publiczna Szkoła Podstawowa nr 11 z Oddziałami Integracyjnymi w Dębicy U10K 712"/>
    <n v="10"/>
  </r>
  <r>
    <x v="0"/>
    <x v="1"/>
    <s v="Dębica"/>
    <s v="Dębica"/>
    <x v="2"/>
    <s v="Publiczna Szkoła Podstawowa nr 11 z Oddziałami Integracyjnymi w Dębicy"/>
    <s v="Publiczna Szkoła Podstawowa nr 11 z Oddziałami Integracyjnymi w Dębicy U12M 3485"/>
    <n v="10"/>
  </r>
  <r>
    <x v="0"/>
    <x v="1"/>
    <s v="Dębica"/>
    <s v="Dębica"/>
    <x v="2"/>
    <s v="Publiczna Szkoła Podstawowa Nr 9"/>
    <s v="Publiczna Szkoła Podstawowa Nr 9 U12M 5330"/>
    <n v="10"/>
  </r>
  <r>
    <x v="0"/>
    <x v="1"/>
    <s v="Dębica"/>
    <s v="Dębica"/>
    <x v="3"/>
    <s v="Publiczna Szkoła Podstawowa nr 11 z Oddziałami Integracyjnymi w Dębicy"/>
    <s v="Publiczna Szkoła Podstawowa nr 11 z Oddziałami Integracyjnymi w Dębicy U12K 1233"/>
    <n v="10"/>
  </r>
  <r>
    <x v="0"/>
    <x v="1"/>
    <s v="Dębica"/>
    <s v="Pustków"/>
    <x v="3"/>
    <s v="Publiczna Szkoła Podstawowa z Oddziałami Integracyjnymi w Pustkowie"/>
    <s v="Publiczna Szkoła Podstawowa z Oddziałami Integracyjnymi w Pustkowie U12K 2128"/>
    <n v="9"/>
  </r>
  <r>
    <x v="0"/>
    <x v="1"/>
    <s v="Czarna"/>
    <s v="Czarna"/>
    <x v="4"/>
    <s v="Publiczna Szkoła Podstawowa"/>
    <s v="Publiczna Szkoła Podstawowa U8M 1543"/>
    <n v="8"/>
  </r>
  <r>
    <x v="0"/>
    <x v="1"/>
    <s v="Dębica"/>
    <s v="Dębica"/>
    <x v="4"/>
    <s v="Publiczna Szkoła Podstawowa Nr 9"/>
    <s v="Publiczna Szkoła Podstawowa Nr 9 U8M 2206"/>
    <n v="9"/>
  </r>
  <r>
    <x v="0"/>
    <x v="1"/>
    <s v="Dębica"/>
    <s v="Dębica"/>
    <x v="5"/>
    <s v="Publiczna Szkoła Podstawowa nr 11 z Oddziałami Integracyjnymi w Dębicy"/>
    <s v="Publiczna Szkoła Podstawowa nr 11 z Oddziałami Integracyjnymi w Dębicy U8K 386"/>
    <n v="9"/>
  </r>
  <r>
    <x v="0"/>
    <x v="1"/>
    <s v="Dębica"/>
    <s v="Pustków"/>
    <x v="5"/>
    <s v="Publiczna Szkoła Podstawowa z Oddziałami Integracyjnymi w Pustkowie"/>
    <s v="Publiczna Szkoła Podstawowa z Oddziałami Integracyjnymi w Pustkowie U8K 424"/>
    <n v="10"/>
  </r>
  <r>
    <x v="0"/>
    <x v="2"/>
    <s v="Jarosław"/>
    <s v="Jarosław"/>
    <x v="0"/>
    <s v="SZYMO-SPORT"/>
    <s v="Orlik Czwórka Jarosław"/>
    <n v="10"/>
  </r>
  <r>
    <x v="0"/>
    <x v="2"/>
    <s v="Jarosław"/>
    <s v="Tuczempy"/>
    <x v="1"/>
    <s v="Szkoła Podstawowa w Tuczempach"/>
    <s v="Szkoła Podstawowa w Tuczempach U10K 1274"/>
    <n v="8"/>
  </r>
  <r>
    <x v="0"/>
    <x v="2"/>
    <s v="Jarosław"/>
    <s v="Jarosław"/>
    <x v="2"/>
    <s v="Szkoła Podstawowa Mistrzostwa Sportowego w Jarosławiu"/>
    <s v="Szkoła Podstawowa Mistrzostwa Sportowego w Jarosławiu U12M 5744"/>
    <n v="10"/>
  </r>
  <r>
    <x v="0"/>
    <x v="2"/>
    <s v="Jarosław"/>
    <s v="Wólka Pełkińska"/>
    <x v="3"/>
    <s v="Szkoła Podstawowa im.Kardynała Stefana Wyszyńskiego w Wólce Pełkińskiej"/>
    <s v="Szkoła Podstawowa im.Kardynała Stefana Wyszyńskiego w Wólce Pełkińskiej U12K 1271"/>
    <n v="10"/>
  </r>
  <r>
    <x v="0"/>
    <x v="2"/>
    <s v="Pawłosiów"/>
    <s v="Maleniska"/>
    <x v="4"/>
    <s v="Szkoła Podstawowa w Wierzbnej"/>
    <s v="Szkoła Podstawowa w Wierzbnej U8M 2645"/>
    <n v="10"/>
  </r>
  <r>
    <x v="0"/>
    <x v="2"/>
    <s v="Jarosław"/>
    <s v="Tuczempy"/>
    <x v="5"/>
    <s v="Szkoła Podstawowa w Tuczempach"/>
    <s v="Szkoła Podstawowa w Tuczempach U8K 451"/>
    <n v="0"/>
  </r>
  <r>
    <x v="0"/>
    <x v="3"/>
    <s v="Jasło"/>
    <s v="Jasło"/>
    <x v="0"/>
    <s v="Uczniowski Klub Sportowy&quot;SZÓSTKA&quot;Jasło"/>
    <s v="Uczniowski Klub Sportowy&quot;SZÓSTKA&quot;Jasło U10M 4085"/>
    <n v="10"/>
  </r>
  <r>
    <x v="0"/>
    <x v="3"/>
    <s v="Jasło"/>
    <s v="Jasło"/>
    <x v="2"/>
    <s v="Uczniowski Klub Sportowy&quot;SZÓSTKA&quot;Jasło"/>
    <s v="Uczniowski Klub Sportowy&quot;SZÓSTKA&quot;Jasło U12M 5110"/>
    <n v="10"/>
  </r>
  <r>
    <x v="0"/>
    <x v="3"/>
    <s v="Nowy Żmigród"/>
    <s v="Brzezowa"/>
    <x v="3"/>
    <s v="Szkoła Podstawowa w Zespole Szkół w Łężynach"/>
    <s v="Szkoła Podstawowa w Zespole Szkół w Łężynach U12K 1773"/>
    <n v="10"/>
  </r>
  <r>
    <x v="0"/>
    <x v="3"/>
    <s v="Nowy Żmigród"/>
    <s v="Nienaszów"/>
    <x v="4"/>
    <s v="UKS &quot;TEMPO&quot; Nienaszów"/>
    <s v="UKS &quot;TEMPO&quot; Nienaszów U8M 1674"/>
    <n v="10"/>
  </r>
  <r>
    <x v="0"/>
    <x v="4"/>
    <s v="Majdan Królewski"/>
    <s v="Majdan Królewski"/>
    <x v="0"/>
    <s v="Publiczna Szkoła Podstawowa im.Marii Skłodowskiej-Curie"/>
    <s v="Korona UKS Majdan Królewski"/>
    <n v="10"/>
  </r>
  <r>
    <x v="0"/>
    <x v="4"/>
    <s v="Kolbuszowa"/>
    <s v="Kolbuszowa"/>
    <x v="1"/>
    <s v="Szkoła Podstawowa nr 2"/>
    <s v="Szkoła Podstawowa nr 2 Kolbuszowa U10K 1188"/>
    <n v="9"/>
  </r>
  <r>
    <x v="0"/>
    <x v="4"/>
    <s v="Raniżów"/>
    <s v="Raniżów"/>
    <x v="2"/>
    <s v="Szkoła Podstawowa w Raniżowie"/>
    <s v="Szkoła Podstawowa w Raniżowie U12M 5351"/>
    <n v="10"/>
  </r>
  <r>
    <x v="0"/>
    <x v="4"/>
    <s v="Kolbuszowa"/>
    <s v="Kolbuszowa"/>
    <x v="3"/>
    <s v="Szkoła Podstawowa nr 1 w Kolbuszowej"/>
    <s v="Jedyneczki"/>
    <n v="9"/>
  </r>
  <r>
    <x v="0"/>
    <x v="4"/>
    <s v="Niwiska"/>
    <s v="Trześń"/>
    <x v="4"/>
    <s v="Szkoła Podstawowa w Trześni"/>
    <s v="Szkoła Podstawowa w Trześni U8M 2637"/>
    <n v="0"/>
  </r>
  <r>
    <x v="0"/>
    <x v="5"/>
    <s v="Dukla"/>
    <s v="Dukla"/>
    <x v="0"/>
    <s v="MIEJSKI OŚRODEK SPORTU I REKREACJI W DUKLI"/>
    <s v="MOSiR Dukla U - 10"/>
    <n v="10"/>
  </r>
  <r>
    <x v="0"/>
    <x v="5"/>
    <s v="Jedlicze"/>
    <s v="Dobieszyn"/>
    <x v="0"/>
    <s v="UKS Beniaminek Krosno"/>
    <s v="UKS Beniaminek Krosno U10M 4860"/>
    <n v="9"/>
  </r>
  <r>
    <x v="0"/>
    <x v="5"/>
    <s v="Rymanów"/>
    <s v="Rymanów"/>
    <x v="0"/>
    <s v="AP AKTIV PRO RYMANÓW"/>
    <s v="AP Aktiv Pro I / U-10"/>
    <n v="10"/>
  </r>
  <r>
    <x v="0"/>
    <x v="5"/>
    <s v="Jedlicze"/>
    <s v="Dobieszyn"/>
    <x v="1"/>
    <s v="UKS  BENIAMINEK KROSNO"/>
    <s v="UKS  BENIAMINEK KROSNO U10K 897"/>
    <n v="9"/>
  </r>
  <r>
    <x v="0"/>
    <x v="5"/>
    <s v="Dukla"/>
    <s v="Dukla"/>
    <x v="2"/>
    <s v="MIEJSKI OŚRODEK SPORTU I REKREACJI W DUKLI"/>
    <s v="MOSiR Dukla U - 12"/>
    <n v="10"/>
  </r>
  <r>
    <x v="0"/>
    <x v="5"/>
    <s v="Jedlicze"/>
    <s v="Dobieszyn"/>
    <x v="2"/>
    <s v="UKS Beniaminek Krosno"/>
    <s v="UKS Beniaminek Krosno U12M 5093"/>
    <n v="10"/>
  </r>
  <r>
    <x v="0"/>
    <x v="5"/>
    <s v="Rymanów"/>
    <s v="Rymanów"/>
    <x v="2"/>
    <s v="AP AKTIV PRO RYMANÓW"/>
    <s v="AP Aktiv Pro I / U-12"/>
    <n v="10"/>
  </r>
  <r>
    <x v="0"/>
    <x v="5"/>
    <s v="Jaśliska"/>
    <s v="Jaśliska"/>
    <x v="3"/>
    <s v="Szkoła Podstawowa w Jaśliskach"/>
    <s v="Szkoła Podstawowa w Jaśliskach U12K 2000"/>
    <n v="10"/>
  </r>
  <r>
    <x v="0"/>
    <x v="5"/>
    <s v="Jedlicze"/>
    <s v="Dobieszyn"/>
    <x v="3"/>
    <s v="UKS  BENIAMINEK KROSNO"/>
    <s v="UKS  BENIAMINEK KROSNO U12K 1492"/>
    <n v="9"/>
  </r>
  <r>
    <x v="0"/>
    <x v="5"/>
    <s v="Dukla"/>
    <s v="Dukla"/>
    <x v="4"/>
    <s v="MIEJSKI OŚRODEK SPORTU I REKREACJI W DUKLI"/>
    <s v="MOSiR Dukla U-8"/>
    <n v="10"/>
  </r>
  <r>
    <x v="0"/>
    <x v="5"/>
    <s v="Jedlicze"/>
    <s v="Dobieszyn"/>
    <x v="4"/>
    <s v="UKS Beniaminek Krosno"/>
    <s v="UKS Beniaminek Krosno U8M 2496"/>
    <n v="10"/>
  </r>
  <r>
    <x v="0"/>
    <x v="5"/>
    <s v="Rymanów"/>
    <s v="Rymanów"/>
    <x v="4"/>
    <s v="AP AKTIV PRO RYMANÓW"/>
    <s v="AP Aktiv Pro I / U-8"/>
    <n v="10"/>
  </r>
  <r>
    <x v="0"/>
    <x v="5"/>
    <s v="Jedlicze"/>
    <s v="Dobieszyn"/>
    <x v="5"/>
    <s v="UKS  BENIAMINEK KROSNO"/>
    <s v="UKS  BENIAMINEK KROSNO U8K 499"/>
    <n v="0"/>
  </r>
  <r>
    <x v="0"/>
    <x v="6"/>
    <s v="Lesko"/>
    <s v="Lesko"/>
    <x v="0"/>
    <s v="UCZNIOWSKI KLUB SPORTOWY SZKÓŁKA PIŁKARSKA &quot;WILCZKI&quot; LESKO"/>
    <s v="UCZNIOWSKI KLUB SPORTOWY SZKÓŁKA PIŁKARSKA &quot;WILCZKI&quot; LESKO U10M 4915"/>
    <n v="10"/>
  </r>
  <r>
    <x v="0"/>
    <x v="6"/>
    <s v="Olszanica"/>
    <s v="Paszowa"/>
    <x v="2"/>
    <s v="Szkoła Podstawowa w Uhercach Mineralnych"/>
    <s v="Szkoła Podstawowa w Uhercach Mineralnych U12M 5176"/>
    <n v="10"/>
  </r>
  <r>
    <x v="0"/>
    <x v="7"/>
    <s v="Leżajsk"/>
    <s v="Leżajsk"/>
    <x v="0"/>
    <s v="Szkoła Podstawowa Nr 2 w Leżajsku"/>
    <s v="Szkoła Podstawowa Nr 2 w Leżajsku U10M 3985"/>
    <n v="9"/>
  </r>
  <r>
    <x v="0"/>
    <x v="7"/>
    <s v="Grodzisko Dolne"/>
    <s v="Grodzisko Górne"/>
    <x v="1"/>
    <s v="Szkoła Podstawowa"/>
    <s v="Grodzisko Dolne (Dz U10)"/>
    <n v="10"/>
  </r>
  <r>
    <x v="0"/>
    <x v="7"/>
    <s v="Leżajsk"/>
    <s v="Leżajsk"/>
    <x v="2"/>
    <s v="Szkoła Podstawowa Nr 2 w Leżajsku"/>
    <s v="Szkoła Podstawowa Nr 2 w Leżajsku U12M 4996"/>
    <n v="10"/>
  </r>
  <r>
    <x v="0"/>
    <x v="7"/>
    <s v="Grodzisko Dolne"/>
    <s v="Grodzisko Górne"/>
    <x v="3"/>
    <s v="Szkoła Podstawowa"/>
    <s v="Grodzisko Dolne (DZ U12)"/>
    <n v="9"/>
  </r>
  <r>
    <x v="0"/>
    <x v="7"/>
    <s v="Grodzisko Dolne"/>
    <s v="Grodzisko Górne"/>
    <x v="4"/>
    <s v="Szkoła Podstawowa"/>
    <s v="Grodzisko Dolne"/>
    <n v="7"/>
  </r>
  <r>
    <x v="0"/>
    <x v="7"/>
    <s v="Grodzisko Dolne"/>
    <s v="Grodzisko Górne"/>
    <x v="5"/>
    <s v="Szkoła Podstawowa"/>
    <s v="Grodzisko Dolne (DZ)"/>
    <n v="7"/>
  </r>
  <r>
    <x v="0"/>
    <x v="8"/>
    <s v="Oleszyce"/>
    <s v="Futory"/>
    <x v="0"/>
    <s v="Szkoła Podstawowa w Futorach"/>
    <s v="WALECZNI FUTORY"/>
    <n v="10"/>
  </r>
  <r>
    <x v="0"/>
    <x v="8"/>
    <s v="Lubaczów"/>
    <s v="Młodów"/>
    <x v="1"/>
    <s v="Szkoła Podstawowa im. Marii Konopnickiej w Młodowie"/>
    <s v="Szkoła Podstawowa im. Marii Konopnickiej w Młodowie U10K 843"/>
    <n v="0"/>
  </r>
  <r>
    <x v="0"/>
    <x v="8"/>
    <s v="Oleszyce"/>
    <s v="Oleszyce"/>
    <x v="2"/>
    <s v="Szkoła Podstawowa w Oleszycach"/>
    <s v="SP OLESZYCE 1"/>
    <n v="10"/>
  </r>
  <r>
    <x v="0"/>
    <x v="8"/>
    <s v="Lubaczów"/>
    <s v="Lubaczów"/>
    <x v="4"/>
    <s v="UCZNIOWSKI KLUB SPORTOWY FOOTBALL ACADEMY W LUBACZOWIE"/>
    <s v="UCZNIOWSKI KLUB SPORTOWY FOOTBALL ACADEMY W LUBACZOWIE U8M 1759"/>
    <n v="10"/>
  </r>
  <r>
    <x v="0"/>
    <x v="9"/>
    <s v="Żołynia"/>
    <s v="Brzóza Stadnicka"/>
    <x v="0"/>
    <s v="Szkoła Podstawowa w Brzózie Stadnickiej"/>
    <s v="SP Brzóza Stadnicka"/>
    <n v="7"/>
  </r>
  <r>
    <x v="0"/>
    <x v="9"/>
    <s v="Żołynia"/>
    <s v="Brzóza Stadnicka"/>
    <x v="2"/>
    <s v="Szkoła Podstawowa w Brzózie Stadnickiej"/>
    <s v="SP Brzóza Stadnicka 2"/>
    <n v="9"/>
  </r>
  <r>
    <x v="0"/>
    <x v="10"/>
    <s v="Mielec"/>
    <s v="Mielec"/>
    <x v="0"/>
    <s v="Niepubliczna Szkoła Podstawowa Mistrzostwa Sportowego w Mielcu"/>
    <s v="Niepubliczna Szkoła Podstawowa Mistrzostwa Sportowego w Mielcu U10M 4363"/>
    <n v="0"/>
  </r>
  <r>
    <x v="0"/>
    <x v="10"/>
    <s v="Tuszów Narodowy"/>
    <s v="Dębiaki"/>
    <x v="0"/>
    <s v="SZKOŁA PODSTAWOWA W MALINIU"/>
    <s v="SZKOŁA PODSTAWOWA W MALINIU U10M 4043"/>
    <n v="9"/>
  </r>
  <r>
    <x v="0"/>
    <x v="10"/>
    <s v="Wadowice Górne"/>
    <s v="Wadowice Górne"/>
    <x v="1"/>
    <s v="Szkoła Podstawowa w Wadowicach Górnych"/>
    <s v="Szkoła Podstawowa w Wadowicach Górnych U10K 1063"/>
    <n v="9"/>
  </r>
  <r>
    <x v="0"/>
    <x v="10"/>
    <s v="Mielec"/>
    <s v="Mielec"/>
    <x v="2"/>
    <s v="Niepubliczna Szkoła Podstawowa Mistrzostwa Sportowego w Mielcu"/>
    <s v="Niepubliczna Szkoła Podstawowa Mistrzostwa Sportowego w Mielcu U12M 4373"/>
    <n v="9"/>
  </r>
  <r>
    <x v="0"/>
    <x v="10"/>
    <s v="Wadowice Górne"/>
    <s v="Wadowice Górne"/>
    <x v="2"/>
    <s v="Szkoła Podstawowa w Wadowicach Górnych"/>
    <s v="Szkoła Podstawowa w Wadowicach Górnych U12M 4869"/>
    <n v="10"/>
  </r>
  <r>
    <x v="0"/>
    <x v="10"/>
    <s v="Wadowice Górne"/>
    <s v="Wadowice Górne"/>
    <x v="3"/>
    <s v="Szkoła Podstawowa w Wadowicach Górnych"/>
    <s v="Szkoła Podstawowa w Wadowicach Górnych U12K 1742"/>
    <n v="10"/>
  </r>
  <r>
    <x v="0"/>
    <x v="10"/>
    <s v="Radomyśl Wielki"/>
    <s v="Radomyśl Wielki"/>
    <x v="4"/>
    <s v="PIŁKARSKA AKADEMIA MAŁY PIŁKARZ"/>
    <s v="PIŁKARSKA AKADEMIA MAŁY PIŁKARZ U8M 2572"/>
    <n v="10"/>
  </r>
  <r>
    <x v="0"/>
    <x v="10"/>
    <s v="Wadowice Górne"/>
    <s v="Wampierzów"/>
    <x v="5"/>
    <s v="Szkoła Podstawowa w Jamach"/>
    <s v="Szkoła Podstawowa w Jamach U8K 488"/>
    <n v="8"/>
  </r>
  <r>
    <x v="0"/>
    <x v="11"/>
    <s v="Nisko"/>
    <s v="Nisko"/>
    <x v="0"/>
    <s v="UCZNOWSKI KLUB SPORTOWY FOOTBALL ACADEMY NISKO"/>
    <s v="UCZNOWSKI KLUB SPORTOWY FOOTBALL ACADEMY NISKO U10M 4486"/>
    <n v="9"/>
  </r>
  <r>
    <x v="0"/>
    <x v="11"/>
    <s v="Nisko"/>
    <s v="Nisko"/>
    <x v="1"/>
    <s v="UCZNOWSKI KLUB SPORTOWY FOOTBALL ACADEMY NISKO"/>
    <s v="UCZNOWSKI KLUB SPORTOWY FOOTBALL ACADEMY NISKO U10K 1212"/>
    <n v="10"/>
  </r>
  <r>
    <x v="0"/>
    <x v="11"/>
    <s v="Jeżowe"/>
    <s v="Jata"/>
    <x v="2"/>
    <s v="Publiczna Szkoła Podstawowa w Jacie"/>
    <s v="Publiczna Szkoła Podstawowa w Jacie U12M 5656"/>
    <n v="10"/>
  </r>
  <r>
    <x v="0"/>
    <x v="11"/>
    <s v="Ulanów"/>
    <s v="Ulanów"/>
    <x v="3"/>
    <s v="Szkoła Podstawowa im. Marii Konopnickiej w Zespole Szkół Ulanowie"/>
    <s v="Szkoła Podstawowa im. Marii Konopnickiej w Zespole Szkół Ulanowie U12K 2234"/>
    <n v="10"/>
  </r>
  <r>
    <x v="0"/>
    <x v="11"/>
    <s v="Nisko"/>
    <s v="Nisko"/>
    <x v="4"/>
    <s v="UCZNOWSKI KLUB SPORTOWY FOOTBALL ACADEMY NISKO"/>
    <s v="UCZNOWSKI KLUB SPORTOWY FOOTBALL ACADEMY NISKO U8M 1762"/>
    <n v="9"/>
  </r>
  <r>
    <x v="0"/>
    <x v="12"/>
    <s v="Stubno"/>
    <s v="Stubno"/>
    <x v="0"/>
    <s v="Szkoła Podstawowa w Zespole Szkół w Stubnie"/>
    <s v="Szkoła Podstawowa w Zespole Szkół w Stubnie U10M 3881"/>
    <n v="10"/>
  </r>
  <r>
    <x v="0"/>
    <x v="12"/>
    <s v="Stubno"/>
    <s v="Stubno"/>
    <x v="1"/>
    <s v="Zespół Szkół w Kalnikowie Szkoła Podstawowa"/>
    <s v="SP Kalników U-10"/>
    <n v="10"/>
  </r>
  <r>
    <x v="0"/>
    <x v="12"/>
    <s v="Bircza"/>
    <s v="Bircza"/>
    <x v="2"/>
    <s v="Szkoła Podstawowa w Birczy"/>
    <s v="Szkoła Podstawowa w Birczy U12M 6153"/>
    <n v="8"/>
  </r>
  <r>
    <x v="0"/>
    <x v="12"/>
    <s v="Stubno"/>
    <s v="Stubno"/>
    <x v="3"/>
    <s v="Zespół Szkół w Kalnikowie Szkoła Podstawowa"/>
    <s v="SP Kalników U-12"/>
    <n v="10"/>
  </r>
  <r>
    <x v="0"/>
    <x v="12"/>
    <s v="Orły"/>
    <s v="Małkowice"/>
    <x v="4"/>
    <s v="Szkoła Podstawowa w Kaszycach"/>
    <s v="Szkoła Podstawowa w Kaszycach U8M 2179"/>
    <n v="8"/>
  </r>
  <r>
    <x v="0"/>
    <x v="12"/>
    <s v="Stubno"/>
    <s v="Stubno"/>
    <x v="5"/>
    <s v="Zespół Szkół w Kalnikowie Szkoła Podstawowa"/>
    <s v="SP Kalników U-8"/>
    <n v="10"/>
  </r>
  <r>
    <x v="0"/>
    <x v="13"/>
    <s v="Przemyśl"/>
    <s v="Przemyśl"/>
    <x v="0"/>
    <s v="UKS Orlik Przemyśl"/>
    <s v="UKS Orlik Przemyśl U10M 2796"/>
    <n v="10"/>
  </r>
  <r>
    <x v="0"/>
    <x v="13"/>
    <s v="Przemyśl"/>
    <s v="Przemyśl"/>
    <x v="1"/>
    <s v="UKS &quot;Czwórka&quot; Przemyśl"/>
    <s v="UKS &quot;Czwórka&quot; Przemyśl U10K 1268"/>
    <n v="10"/>
  </r>
  <r>
    <x v="0"/>
    <x v="13"/>
    <s v="Przemyśl"/>
    <s v="Przemyśl"/>
    <x v="2"/>
    <s v="Szkoła Podstawowa Nr 16"/>
    <s v="Szkoła Podstawowa Nr 16 U12M 6972"/>
    <n v="8"/>
  </r>
  <r>
    <x v="0"/>
    <x v="13"/>
    <s v="Przemyśl"/>
    <s v="Przemyśl"/>
    <x v="3"/>
    <s v="Szkola podstawowa nr 15"/>
    <s v="UKS 15 PRZEMYŚL -ZRYW BUSZKOWICZKI"/>
    <n v="9"/>
  </r>
  <r>
    <x v="0"/>
    <x v="13"/>
    <s v="Przemyśl"/>
    <s v="Przemyśl"/>
    <x v="4"/>
    <s v="UKS Orlik Przemyśl"/>
    <s v="UKS Orlik Przemyśl U8M 1398"/>
    <n v="10"/>
  </r>
  <r>
    <x v="0"/>
    <x v="13"/>
    <s v="Przemyśl"/>
    <s v="Przemyśl"/>
    <x v="5"/>
    <s v="UKS &quot;Czwórka&quot; Przemyśl"/>
    <s v="UKS &quot;Czwórka&quot; Przemyśl U8K 675"/>
    <n v="7"/>
  </r>
  <r>
    <x v="0"/>
    <x v="14"/>
    <s v="Przeworsk"/>
    <s v="Przeworsk"/>
    <x v="0"/>
    <s v="SZKOŁA PODSTAWOWA NR 2 IM. HUGONA KOŁŁĄTAJA W PRZEWORSKU"/>
    <s v="SZKOŁA PODSTAWOWA NR 2 IM. HUGONA KOŁŁĄTAJA W PRZEWORSKU U10M 2923"/>
    <n v="10"/>
  </r>
  <r>
    <x v="0"/>
    <x v="14"/>
    <s v="Przeworsk"/>
    <s v="Przeworsk"/>
    <x v="2"/>
    <s v="Szkoła Podstawowa nr 1"/>
    <s v="Szkoła Podstawowa nr 1 U12M 4970"/>
    <n v="10"/>
  </r>
  <r>
    <x v="0"/>
    <x v="14"/>
    <s v="Przeworsk"/>
    <s v="Przeworsk"/>
    <x v="3"/>
    <s v="Szkoła Podstawowa nr 1"/>
    <s v="Szkoła Podstawowa nr 1 U12K 1779"/>
    <n v="7"/>
  </r>
  <r>
    <x v="0"/>
    <x v="14"/>
    <s v="Sieniawa"/>
    <s v="Sieniawa"/>
    <x v="4"/>
    <s v="Uczniowski Klub Sportowy &quot;Sokół&quot; Sieniawa"/>
    <s v="Uczniowski Klub Sportowy &quot;Sokół&quot; Sieniawa U8M 2000"/>
    <n v="10"/>
  </r>
  <r>
    <x v="0"/>
    <x v="15"/>
    <s v="Kamień"/>
    <s v="Kamień"/>
    <x v="0"/>
    <s v="Szkoła Podstawowa w Krzywej Wsi"/>
    <s v="Szkoła Podstawowa w Krzywej Wsi U10M"/>
    <n v="8"/>
  </r>
  <r>
    <x v="0"/>
    <x v="15"/>
    <s v="Kamień"/>
    <s v="Łowisko"/>
    <x v="1"/>
    <s v="UKS ,,ŁOWISKO&quot;"/>
    <s v="UKS,,ŁOWISKO&quot; U10K 1045"/>
    <n v="10"/>
  </r>
  <r>
    <x v="0"/>
    <x v="15"/>
    <s v="Głogów Małopolski"/>
    <s v="Głogów Małopolski"/>
    <x v="2"/>
    <s v="Szkoła Podstawowa w Głogowie Małopolskim"/>
    <s v="Szkoła Podstawowa w Głogowie Małopolskim U12M 4818"/>
    <n v="10"/>
  </r>
  <r>
    <x v="0"/>
    <x v="15"/>
    <s v="Kamień"/>
    <s v="Łowisko"/>
    <x v="3"/>
    <s v="UKS ,,ŁOWISKO&quot;"/>
    <s v="UKS,,ŁOWISKO&quot; U12K 1704"/>
    <n v="8"/>
  </r>
  <r>
    <x v="0"/>
    <x v="15"/>
    <s v="Głogów Małopolski"/>
    <s v="Głogów Małopolski"/>
    <x v="4"/>
    <s v="UKS IKAR"/>
    <s v="UKS IKAR U8M 1478"/>
    <n v="10"/>
  </r>
  <r>
    <x v="0"/>
    <x v="15"/>
    <s v="Kamień"/>
    <s v="Łowisko"/>
    <x v="5"/>
    <s v="UKS ,,ŁOWISKO&quot;"/>
    <s v="UKS,,ŁOWISKO&quot; U8K 576"/>
    <n v="6"/>
  </r>
  <r>
    <x v="0"/>
    <x v="16"/>
    <s v="Rzeszów"/>
    <s v="Rzeszów"/>
    <x v="0"/>
    <s v="AMO RZESZÓW"/>
    <s v="AMO RZESZÓW U10M 3826"/>
    <n v="10"/>
  </r>
  <r>
    <x v="0"/>
    <x v="16"/>
    <s v="Rzeszów"/>
    <s v="Rzeszów"/>
    <x v="2"/>
    <s v="Szkoła Podstawowa Mistrzostwa Sportowego Resovia"/>
    <s v="Szkoła Podstawowa Mistrzostwa Sportowego Resovia U12M 5159"/>
    <n v="8"/>
  </r>
  <r>
    <x v="0"/>
    <x v="16"/>
    <s v="Rzeszów"/>
    <s v="Rzeszów"/>
    <x v="3"/>
    <s v="Szkoła Podstawowa Nr 12 w Rzeszowie"/>
    <s v="Szkoła Podstawowa Nr 12 w Rzeszowie  1 U12K 1392"/>
    <n v="8"/>
  </r>
  <r>
    <x v="0"/>
    <x v="16"/>
    <s v="Rzeszów"/>
    <s v="Rzeszów"/>
    <x v="4"/>
    <s v="AMO RZESZÓW"/>
    <s v="AMO RZESZÓW U8M 1982"/>
    <n v="10"/>
  </r>
  <r>
    <x v="0"/>
    <x v="17"/>
    <s v="Besko"/>
    <s v="Besko"/>
    <x v="0"/>
    <s v="Zespół Szkół w Besku Szkoła Podstawowa w Besku"/>
    <s v="Zespół Szkół w Besku Szkoła Podstawowa w Besku U10M 3576"/>
    <n v="10"/>
  </r>
  <r>
    <x v="0"/>
    <x v="17"/>
    <s v="Besko"/>
    <s v="Besko"/>
    <x v="1"/>
    <s v="Zespół Szkół w Besku Szkoła Podstawowa w Besku"/>
    <s v="Zespół Szkół w Besku Szkoła Podstawowa w Besku U10K 984"/>
    <n v="10"/>
  </r>
  <r>
    <x v="0"/>
    <x v="17"/>
    <s v="Bukowsko"/>
    <s v="Nagórzany"/>
    <x v="2"/>
    <s v="Szkoła Podstawowa w Bukowsku"/>
    <s v="Szkoła Podstawowa w Bukowsku U12M 5793"/>
    <n v="10"/>
  </r>
  <r>
    <x v="0"/>
    <x v="17"/>
    <s v="Bukowsko"/>
    <s v="Pobiedno"/>
    <x v="3"/>
    <s v="Szkoła Podstawowa"/>
    <s v="Szkoła Podstawowa U12K 1284"/>
    <n v="7"/>
  </r>
  <r>
    <x v="0"/>
    <x v="17"/>
    <s v="Besko"/>
    <s v="Besko"/>
    <x v="4"/>
    <s v="Zespół Szkół w Besku Szkoła Podstawowa w Besku"/>
    <s v="Zespół Szkół w Besku Szkoła Podstawowa w Besku U8M 1851"/>
    <n v="10"/>
  </r>
  <r>
    <x v="0"/>
    <x v="18"/>
    <s v="Stalowa Wola"/>
    <s v="Stalowa Wola"/>
    <x v="0"/>
    <s v="AKADEMIA PIŁKARSKA STALOWA WOLA"/>
    <s v="AKADEMIA PIŁKARSKA STALOWA WOLA U10M 3589"/>
    <n v="10"/>
  </r>
  <r>
    <x v="0"/>
    <x v="18"/>
    <s v="Pysznica"/>
    <s v="Pysznica"/>
    <x v="1"/>
    <s v="Publiczna Szkoła Podstawowa im. Jana Pawła II w Pysznicy"/>
    <s v="Olimpia"/>
    <n v="10"/>
  </r>
  <r>
    <x v="0"/>
    <x v="18"/>
    <s v="Stalowa Wola"/>
    <s v="Stalowa Wola"/>
    <x v="2"/>
    <s v="Publiczna Szkoła Podstawowa z Oddziałami Integracyjnymi Nr 7 w Stalowej Woli"/>
    <s v="Publiczna Szkoła Podstawowa z Oddziałami Integracyjnymi Nr 7 w Stalowej Woli U12M 6721"/>
    <n v="10"/>
  </r>
  <r>
    <x v="0"/>
    <x v="18"/>
    <s v="Pysznica"/>
    <s v="Pysznica"/>
    <x v="3"/>
    <s v="Publiczna Szkoła Podstawowa im. Jana Pawła II w Pysznicy"/>
    <s v="Olimpia-Orlęta Pysznica"/>
    <n v="10"/>
  </r>
  <r>
    <x v="0"/>
    <x v="18"/>
    <s v="Stalowa Wola"/>
    <s v="Stalowa Wola"/>
    <x v="4"/>
    <s v="AKADEMIA PIŁKARSKA STALOWA WOLA"/>
    <s v="AKADEMIA PIŁKARSKA STALOWA WOLA U8M 1859"/>
    <n v="6"/>
  </r>
  <r>
    <x v="0"/>
    <x v="18"/>
    <s v="Pysznica"/>
    <s v="Pysznica"/>
    <x v="5"/>
    <s v="Publiczna Szkoła Podstawowa im. Jana Pawła II w Pysznicy"/>
    <s v="Olimpia-Orlęta "/>
    <n v="8"/>
  </r>
  <r>
    <x v="0"/>
    <x v="19"/>
    <s v="Wiśniowa"/>
    <s v="Wiśniowa"/>
    <x v="0"/>
    <s v="Szkoła Podstawowa w Wiśniowej"/>
    <s v="Wilki2"/>
    <n v="7"/>
  </r>
  <r>
    <x v="0"/>
    <x v="19"/>
    <s v="Wiśniowa"/>
    <s v="Wiśniowa"/>
    <x v="2"/>
    <s v="Szkoła Podstawowa w Wiśniowej"/>
    <s v="Wilki"/>
    <n v="7"/>
  </r>
  <r>
    <x v="0"/>
    <x v="20"/>
    <s v="Nowa Dęba"/>
    <s v="Nowa Dęba"/>
    <x v="0"/>
    <s v="SAMORZĄDOWY OŚRODEK SPORTU I REKREACJI W NOWEJ DĘBIE"/>
    <s v="SAMORZĄDOWY OŚRODEK SPORTU I REKREACJI W NOWEJ DĘBIE U10M 3635"/>
    <n v="9"/>
  </r>
  <r>
    <x v="0"/>
    <x v="20"/>
    <s v="Gorzyce"/>
    <s v="Sokolniki"/>
    <x v="2"/>
    <s v="Szkoła Podstawowa im. ks. Jana Twardowskiego"/>
    <s v="DAP Lider U-12"/>
    <n v="10"/>
  </r>
  <r>
    <x v="0"/>
    <x v="20"/>
    <s v="Nowa Dęba"/>
    <s v="Nowa Dęba"/>
    <x v="4"/>
    <s v="SAMORZĄDOWY OŚRODEK SPORTU I REKREACJI W NOWEJ DĘBIE"/>
    <s v="SOSiR Nowa Dęba"/>
    <n v="1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Tabela przestawna1" cacheId="9" applyNumberFormats="0" applyBorderFormats="0" applyFontFormats="0" applyPatternFormats="0" applyAlignmentFormats="0" applyWidthHeightFormats="1" dataCaption="Wartości" updatedVersion="6" minRefreshableVersion="3" useAutoFormatting="1" itemPrintTitles="1" createdVersion="6" indent="0" outline="1" outlineData="1" multipleFieldFilters="0">
  <location ref="A3:B146" firstHeaderRow="1" firstDataRow="1" firstDataCol="1"/>
  <pivotFields count="8">
    <pivotField axis="axisRow" subtotalTop="0" showAll="0">
      <items count="2">
        <item x="0"/>
        <item t="default"/>
      </items>
    </pivotField>
    <pivotField axis="axisRow" subtotalTop="0" showAll="0">
      <items count="22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t="default"/>
      </items>
    </pivotField>
    <pivotField subtotalTop="0" showAll="0"/>
    <pivotField subtotalTop="0" showAll="0"/>
    <pivotField axis="axisRow" subtotalTop="0" showAll="0">
      <items count="7">
        <item x="4"/>
        <item x="5"/>
        <item x="0"/>
        <item x="1"/>
        <item x="2"/>
        <item x="3"/>
        <item t="default"/>
      </items>
    </pivotField>
    <pivotField subtotalTop="0" showAll="0"/>
    <pivotField subtotalTop="0" showAll="0"/>
    <pivotField dataField="1" numFmtId="49" subtotalTop="0" showAll="0"/>
  </pivotFields>
  <rowFields count="3">
    <field x="0"/>
    <field x="1"/>
    <field x="4"/>
  </rowFields>
  <rowItems count="143">
    <i>
      <x/>
    </i>
    <i r="1">
      <x/>
    </i>
    <i r="2">
      <x v="2"/>
    </i>
    <i r="2">
      <x v="3"/>
    </i>
    <i r="2">
      <x v="4"/>
    </i>
    <i r="2">
      <x v="5"/>
    </i>
    <i t="default" r="1">
      <x/>
    </i>
    <i r="1">
      <x v="1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"/>
    </i>
    <i r="1">
      <x v="2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2"/>
    </i>
    <i r="1">
      <x v="3"/>
    </i>
    <i r="2">
      <x/>
    </i>
    <i r="2">
      <x v="2"/>
    </i>
    <i r="2">
      <x v="4"/>
    </i>
    <i r="2">
      <x v="5"/>
    </i>
    <i t="default" r="1">
      <x v="3"/>
    </i>
    <i r="1">
      <x v="4"/>
    </i>
    <i r="2">
      <x/>
    </i>
    <i r="2">
      <x v="2"/>
    </i>
    <i r="2">
      <x v="3"/>
    </i>
    <i r="2">
      <x v="4"/>
    </i>
    <i r="2">
      <x v="5"/>
    </i>
    <i t="default" r="1">
      <x v="4"/>
    </i>
    <i r="1">
      <x v="5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5"/>
    </i>
    <i r="1">
      <x v="6"/>
    </i>
    <i r="2">
      <x v="2"/>
    </i>
    <i r="2">
      <x v="4"/>
    </i>
    <i t="default" r="1">
      <x v="6"/>
    </i>
    <i r="1">
      <x v="7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7"/>
    </i>
    <i r="1">
      <x v="8"/>
    </i>
    <i r="2">
      <x/>
    </i>
    <i r="2">
      <x v="2"/>
    </i>
    <i r="2">
      <x v="3"/>
    </i>
    <i r="2">
      <x v="4"/>
    </i>
    <i t="default" r="1">
      <x v="8"/>
    </i>
    <i r="1">
      <x v="9"/>
    </i>
    <i r="2">
      <x v="2"/>
    </i>
    <i r="2">
      <x v="4"/>
    </i>
    <i t="default" r="1">
      <x v="9"/>
    </i>
    <i r="1">
      <x v="10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0"/>
    </i>
    <i r="1">
      <x v="11"/>
    </i>
    <i r="2">
      <x/>
    </i>
    <i r="2">
      <x v="2"/>
    </i>
    <i r="2">
      <x v="3"/>
    </i>
    <i r="2">
      <x v="4"/>
    </i>
    <i r="2">
      <x v="5"/>
    </i>
    <i t="default" r="1">
      <x v="11"/>
    </i>
    <i r="1">
      <x v="12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2"/>
    </i>
    <i r="1">
      <x v="13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3"/>
    </i>
    <i r="1">
      <x v="14"/>
    </i>
    <i r="2">
      <x/>
    </i>
    <i r="2">
      <x v="2"/>
    </i>
    <i r="2">
      <x v="4"/>
    </i>
    <i r="2">
      <x v="5"/>
    </i>
    <i t="default" r="1">
      <x v="14"/>
    </i>
    <i r="1">
      <x v="15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5"/>
    </i>
    <i r="1">
      <x v="16"/>
    </i>
    <i r="2">
      <x/>
    </i>
    <i r="2">
      <x v="2"/>
    </i>
    <i r="2">
      <x v="4"/>
    </i>
    <i r="2">
      <x v="5"/>
    </i>
    <i t="default" r="1">
      <x v="16"/>
    </i>
    <i r="1">
      <x v="17"/>
    </i>
    <i r="2">
      <x/>
    </i>
    <i r="2">
      <x v="2"/>
    </i>
    <i r="2">
      <x v="3"/>
    </i>
    <i r="2">
      <x v="4"/>
    </i>
    <i r="2">
      <x v="5"/>
    </i>
    <i t="default" r="1">
      <x v="17"/>
    </i>
    <i r="1">
      <x v="18"/>
    </i>
    <i r="2">
      <x/>
    </i>
    <i r="2">
      <x v="1"/>
    </i>
    <i r="2">
      <x v="2"/>
    </i>
    <i r="2">
      <x v="3"/>
    </i>
    <i r="2">
      <x v="4"/>
    </i>
    <i r="2">
      <x v="5"/>
    </i>
    <i t="default" r="1">
      <x v="18"/>
    </i>
    <i r="1">
      <x v="19"/>
    </i>
    <i r="2">
      <x v="2"/>
    </i>
    <i r="2">
      <x v="4"/>
    </i>
    <i t="default" r="1">
      <x v="19"/>
    </i>
    <i r="1">
      <x v="20"/>
    </i>
    <i r="2">
      <x/>
    </i>
    <i r="2">
      <x v="2"/>
    </i>
    <i r="2">
      <x v="4"/>
    </i>
    <i t="default" r="1">
      <x v="20"/>
    </i>
    <i t="default">
      <x/>
    </i>
    <i t="grand">
      <x/>
    </i>
  </rowItems>
  <colItems count="1">
    <i/>
  </colItems>
  <dataFields count="1">
    <dataField name="Suma z Zawodnicy" fld="7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 SubtotalsOnTopDefault="0"/>
    </ext>
  </extLst>
</pivotTableDefinition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B146"/>
  <sheetViews>
    <sheetView workbookViewId="0">
      <selection activeCell="F15" sqref="F15"/>
    </sheetView>
  </sheetViews>
  <sheetFormatPr defaultRowHeight="15" x14ac:dyDescent="0.25"/>
  <cols>
    <col min="1" max="1" width="28" bestFit="1" customWidth="1"/>
    <col min="2" max="2" width="17.28515625" bestFit="1" customWidth="1"/>
  </cols>
  <sheetData>
    <row r="3" spans="1:2" x14ac:dyDescent="0.25">
      <c r="A3" s="5" t="s">
        <v>284</v>
      </c>
      <c r="B3" t="s">
        <v>308</v>
      </c>
    </row>
    <row r="4" spans="1:2" x14ac:dyDescent="0.25">
      <c r="A4" s="6" t="s">
        <v>8</v>
      </c>
      <c r="B4" s="9"/>
    </row>
    <row r="5" spans="1:2" x14ac:dyDescent="0.25">
      <c r="A5" s="7" t="s">
        <v>9</v>
      </c>
      <c r="B5" s="9"/>
    </row>
    <row r="6" spans="1:2" x14ac:dyDescent="0.25">
      <c r="A6" s="8" t="s">
        <v>20</v>
      </c>
      <c r="B6" s="9">
        <v>9</v>
      </c>
    </row>
    <row r="7" spans="1:2" x14ac:dyDescent="0.25">
      <c r="A7" s="8" t="s">
        <v>12</v>
      </c>
      <c r="B7" s="9">
        <v>10</v>
      </c>
    </row>
    <row r="8" spans="1:2" x14ac:dyDescent="0.25">
      <c r="A8" s="8" t="s">
        <v>23</v>
      </c>
      <c r="B8" s="9">
        <v>10</v>
      </c>
    </row>
    <row r="9" spans="1:2" x14ac:dyDescent="0.25">
      <c r="A9" s="8" t="s">
        <v>15</v>
      </c>
      <c r="B9" s="9">
        <v>9</v>
      </c>
    </row>
    <row r="10" spans="1:2" x14ac:dyDescent="0.25">
      <c r="A10" s="7" t="s">
        <v>287</v>
      </c>
      <c r="B10" s="9">
        <v>38</v>
      </c>
    </row>
    <row r="11" spans="1:2" x14ac:dyDescent="0.25">
      <c r="A11" s="7" t="s">
        <v>25</v>
      </c>
      <c r="B11" s="9"/>
    </row>
    <row r="12" spans="1:2" x14ac:dyDescent="0.25">
      <c r="A12" s="8" t="s">
        <v>27</v>
      </c>
      <c r="B12" s="9">
        <v>17</v>
      </c>
    </row>
    <row r="13" spans="1:2" x14ac:dyDescent="0.25">
      <c r="A13" s="8" t="s">
        <v>47</v>
      </c>
      <c r="B13" s="9">
        <v>19</v>
      </c>
    </row>
    <row r="14" spans="1:2" x14ac:dyDescent="0.25">
      <c r="A14" s="8" t="s">
        <v>20</v>
      </c>
      <c r="B14" s="9">
        <v>20</v>
      </c>
    </row>
    <row r="15" spans="1:2" x14ac:dyDescent="0.25">
      <c r="A15" s="8" t="s">
        <v>12</v>
      </c>
      <c r="B15" s="9">
        <v>20</v>
      </c>
    </row>
    <row r="16" spans="1:2" x14ac:dyDescent="0.25">
      <c r="A16" s="8" t="s">
        <v>23</v>
      </c>
      <c r="B16" s="9">
        <v>20</v>
      </c>
    </row>
    <row r="17" spans="1:2" x14ac:dyDescent="0.25">
      <c r="A17" s="8" t="s">
        <v>15</v>
      </c>
      <c r="B17" s="9">
        <v>19</v>
      </c>
    </row>
    <row r="18" spans="1:2" x14ac:dyDescent="0.25">
      <c r="A18" s="7" t="s">
        <v>288</v>
      </c>
      <c r="B18" s="9">
        <v>115</v>
      </c>
    </row>
    <row r="19" spans="1:2" x14ac:dyDescent="0.25">
      <c r="A19" s="7" t="s">
        <v>50</v>
      </c>
      <c r="B19" s="9"/>
    </row>
    <row r="20" spans="1:2" x14ac:dyDescent="0.25">
      <c r="A20" s="8" t="s">
        <v>27</v>
      </c>
      <c r="B20" s="9">
        <v>10</v>
      </c>
    </row>
    <row r="21" spans="1:2" x14ac:dyDescent="0.25">
      <c r="A21" s="8" t="s">
        <v>47</v>
      </c>
      <c r="B21" s="9">
        <v>0</v>
      </c>
    </row>
    <row r="22" spans="1:2" x14ac:dyDescent="0.25">
      <c r="A22" s="8" t="s">
        <v>20</v>
      </c>
      <c r="B22" s="9">
        <v>10</v>
      </c>
    </row>
    <row r="23" spans="1:2" x14ac:dyDescent="0.25">
      <c r="A23" s="8" t="s">
        <v>12</v>
      </c>
      <c r="B23" s="9">
        <v>8</v>
      </c>
    </row>
    <row r="24" spans="1:2" x14ac:dyDescent="0.25">
      <c r="A24" s="8" t="s">
        <v>23</v>
      </c>
      <c r="B24" s="9">
        <v>10</v>
      </c>
    </row>
    <row r="25" spans="1:2" x14ac:dyDescent="0.25">
      <c r="A25" s="8" t="s">
        <v>15</v>
      </c>
      <c r="B25" s="9">
        <v>10</v>
      </c>
    </row>
    <row r="26" spans="1:2" x14ac:dyDescent="0.25">
      <c r="A26" s="7" t="s">
        <v>289</v>
      </c>
      <c r="B26" s="9">
        <v>48</v>
      </c>
    </row>
    <row r="27" spans="1:2" x14ac:dyDescent="0.25">
      <c r="A27" s="7" t="s">
        <v>66</v>
      </c>
      <c r="B27" s="9"/>
    </row>
    <row r="28" spans="1:2" x14ac:dyDescent="0.25">
      <c r="A28" s="8" t="s">
        <v>27</v>
      </c>
      <c r="B28" s="9">
        <v>10</v>
      </c>
    </row>
    <row r="29" spans="1:2" x14ac:dyDescent="0.25">
      <c r="A29" s="8" t="s">
        <v>20</v>
      </c>
      <c r="B29" s="9">
        <v>10</v>
      </c>
    </row>
    <row r="30" spans="1:2" x14ac:dyDescent="0.25">
      <c r="A30" s="8" t="s">
        <v>23</v>
      </c>
      <c r="B30" s="9">
        <v>10</v>
      </c>
    </row>
    <row r="31" spans="1:2" x14ac:dyDescent="0.25">
      <c r="A31" s="8" t="s">
        <v>15</v>
      </c>
      <c r="B31" s="9">
        <v>10</v>
      </c>
    </row>
    <row r="32" spans="1:2" x14ac:dyDescent="0.25">
      <c r="A32" s="7" t="s">
        <v>290</v>
      </c>
      <c r="B32" s="9">
        <v>40</v>
      </c>
    </row>
    <row r="33" spans="1:2" x14ac:dyDescent="0.25">
      <c r="A33" s="7" t="s">
        <v>78</v>
      </c>
      <c r="B33" s="9"/>
    </row>
    <row r="34" spans="1:2" x14ac:dyDescent="0.25">
      <c r="A34" s="8" t="s">
        <v>27</v>
      </c>
      <c r="B34" s="9">
        <v>0</v>
      </c>
    </row>
    <row r="35" spans="1:2" x14ac:dyDescent="0.25">
      <c r="A35" s="8" t="s">
        <v>20</v>
      </c>
      <c r="B35" s="9">
        <v>10</v>
      </c>
    </row>
    <row r="36" spans="1:2" x14ac:dyDescent="0.25">
      <c r="A36" s="8" t="s">
        <v>12</v>
      </c>
      <c r="B36" s="9">
        <v>9</v>
      </c>
    </row>
    <row r="37" spans="1:2" x14ac:dyDescent="0.25">
      <c r="A37" s="8" t="s">
        <v>23</v>
      </c>
      <c r="B37" s="9">
        <v>10</v>
      </c>
    </row>
    <row r="38" spans="1:2" x14ac:dyDescent="0.25">
      <c r="A38" s="8" t="s">
        <v>15</v>
      </c>
      <c r="B38" s="9">
        <v>9</v>
      </c>
    </row>
    <row r="39" spans="1:2" x14ac:dyDescent="0.25">
      <c r="A39" s="7" t="s">
        <v>291</v>
      </c>
      <c r="B39" s="9">
        <v>38</v>
      </c>
    </row>
    <row r="40" spans="1:2" x14ac:dyDescent="0.25">
      <c r="A40" s="7" t="s">
        <v>94</v>
      </c>
      <c r="B40" s="9"/>
    </row>
    <row r="41" spans="1:2" x14ac:dyDescent="0.25">
      <c r="A41" s="8" t="s">
        <v>27</v>
      </c>
      <c r="B41" s="9">
        <v>30</v>
      </c>
    </row>
    <row r="42" spans="1:2" x14ac:dyDescent="0.25">
      <c r="A42" s="8" t="s">
        <v>47</v>
      </c>
      <c r="B42" s="9">
        <v>0</v>
      </c>
    </row>
    <row r="43" spans="1:2" x14ac:dyDescent="0.25">
      <c r="A43" s="8" t="s">
        <v>20</v>
      </c>
      <c r="B43" s="9">
        <v>29</v>
      </c>
    </row>
    <row r="44" spans="1:2" x14ac:dyDescent="0.25">
      <c r="A44" s="8" t="s">
        <v>12</v>
      </c>
      <c r="B44" s="9">
        <v>9</v>
      </c>
    </row>
    <row r="45" spans="1:2" x14ac:dyDescent="0.25">
      <c r="A45" s="8" t="s">
        <v>23</v>
      </c>
      <c r="B45" s="9">
        <v>30</v>
      </c>
    </row>
    <row r="46" spans="1:2" x14ac:dyDescent="0.25">
      <c r="A46" s="8" t="s">
        <v>15</v>
      </c>
      <c r="B46" s="9">
        <v>19</v>
      </c>
    </row>
    <row r="47" spans="1:2" x14ac:dyDescent="0.25">
      <c r="A47" s="7" t="s">
        <v>292</v>
      </c>
      <c r="B47" s="9">
        <v>117</v>
      </c>
    </row>
    <row r="48" spans="1:2" x14ac:dyDescent="0.25">
      <c r="A48" s="7" t="s">
        <v>124</v>
      </c>
      <c r="B48" s="9"/>
    </row>
    <row r="49" spans="1:2" x14ac:dyDescent="0.25">
      <c r="A49" s="8" t="s">
        <v>20</v>
      </c>
      <c r="B49" s="9">
        <v>10</v>
      </c>
    </row>
    <row r="50" spans="1:2" x14ac:dyDescent="0.25">
      <c r="A50" s="8" t="s">
        <v>23</v>
      </c>
      <c r="B50" s="9">
        <v>10</v>
      </c>
    </row>
    <row r="51" spans="1:2" x14ac:dyDescent="0.25">
      <c r="A51" s="7" t="s">
        <v>293</v>
      </c>
      <c r="B51" s="9">
        <v>20</v>
      </c>
    </row>
    <row r="52" spans="1:2" x14ac:dyDescent="0.25">
      <c r="A52" s="7" t="s">
        <v>132</v>
      </c>
      <c r="B52" s="9"/>
    </row>
    <row r="53" spans="1:2" x14ac:dyDescent="0.25">
      <c r="A53" s="8" t="s">
        <v>27</v>
      </c>
      <c r="B53" s="9">
        <v>7</v>
      </c>
    </row>
    <row r="54" spans="1:2" x14ac:dyDescent="0.25">
      <c r="A54" s="8" t="s">
        <v>47</v>
      </c>
      <c r="B54" s="9">
        <v>7</v>
      </c>
    </row>
    <row r="55" spans="1:2" x14ac:dyDescent="0.25">
      <c r="A55" s="8" t="s">
        <v>20</v>
      </c>
      <c r="B55" s="9">
        <v>9</v>
      </c>
    </row>
    <row r="56" spans="1:2" x14ac:dyDescent="0.25">
      <c r="A56" s="8" t="s">
        <v>12</v>
      </c>
      <c r="B56" s="9">
        <v>10</v>
      </c>
    </row>
    <row r="57" spans="1:2" x14ac:dyDescent="0.25">
      <c r="A57" s="8" t="s">
        <v>23</v>
      </c>
      <c r="B57" s="9">
        <v>10</v>
      </c>
    </row>
    <row r="58" spans="1:2" x14ac:dyDescent="0.25">
      <c r="A58" s="8" t="s">
        <v>15</v>
      </c>
      <c r="B58" s="9">
        <v>9</v>
      </c>
    </row>
    <row r="59" spans="1:2" x14ac:dyDescent="0.25">
      <c r="A59" s="7" t="s">
        <v>294</v>
      </c>
      <c r="B59" s="9">
        <v>52</v>
      </c>
    </row>
    <row r="60" spans="1:2" x14ac:dyDescent="0.25">
      <c r="A60" s="7" t="s">
        <v>143</v>
      </c>
      <c r="B60" s="9"/>
    </row>
    <row r="61" spans="1:2" x14ac:dyDescent="0.25">
      <c r="A61" s="8" t="s">
        <v>27</v>
      </c>
      <c r="B61" s="9">
        <v>10</v>
      </c>
    </row>
    <row r="62" spans="1:2" x14ac:dyDescent="0.25">
      <c r="A62" s="8" t="s">
        <v>20</v>
      </c>
      <c r="B62" s="9">
        <v>10</v>
      </c>
    </row>
    <row r="63" spans="1:2" x14ac:dyDescent="0.25">
      <c r="A63" s="8" t="s">
        <v>12</v>
      </c>
      <c r="B63" s="9">
        <v>0</v>
      </c>
    </row>
    <row r="64" spans="1:2" x14ac:dyDescent="0.25">
      <c r="A64" s="8" t="s">
        <v>23</v>
      </c>
      <c r="B64" s="9">
        <v>10</v>
      </c>
    </row>
    <row r="65" spans="1:2" x14ac:dyDescent="0.25">
      <c r="A65" s="7" t="s">
        <v>295</v>
      </c>
      <c r="B65" s="9">
        <v>30</v>
      </c>
    </row>
    <row r="66" spans="1:2" x14ac:dyDescent="0.25">
      <c r="A66" s="7" t="s">
        <v>118</v>
      </c>
      <c r="B66" s="9"/>
    </row>
    <row r="67" spans="1:2" x14ac:dyDescent="0.25">
      <c r="A67" s="8" t="s">
        <v>20</v>
      </c>
      <c r="B67" s="9">
        <v>7</v>
      </c>
    </row>
    <row r="68" spans="1:2" x14ac:dyDescent="0.25">
      <c r="A68" s="8" t="s">
        <v>23</v>
      </c>
      <c r="B68" s="9">
        <v>9</v>
      </c>
    </row>
    <row r="69" spans="1:2" x14ac:dyDescent="0.25">
      <c r="A69" s="7" t="s">
        <v>296</v>
      </c>
      <c r="B69" s="9">
        <v>16</v>
      </c>
    </row>
    <row r="70" spans="1:2" x14ac:dyDescent="0.25">
      <c r="A70" s="7" t="s">
        <v>156</v>
      </c>
      <c r="B70" s="9"/>
    </row>
    <row r="71" spans="1:2" x14ac:dyDescent="0.25">
      <c r="A71" s="8" t="s">
        <v>27</v>
      </c>
      <c r="B71" s="9">
        <v>10</v>
      </c>
    </row>
    <row r="72" spans="1:2" x14ac:dyDescent="0.25">
      <c r="A72" s="8" t="s">
        <v>47</v>
      </c>
      <c r="B72" s="9">
        <v>8</v>
      </c>
    </row>
    <row r="73" spans="1:2" x14ac:dyDescent="0.25">
      <c r="A73" s="8" t="s">
        <v>20</v>
      </c>
      <c r="B73" s="9">
        <v>9</v>
      </c>
    </row>
    <row r="74" spans="1:2" x14ac:dyDescent="0.25">
      <c r="A74" s="8" t="s">
        <v>12</v>
      </c>
      <c r="B74" s="9">
        <v>9</v>
      </c>
    </row>
    <row r="75" spans="1:2" x14ac:dyDescent="0.25">
      <c r="A75" s="8" t="s">
        <v>23</v>
      </c>
      <c r="B75" s="9">
        <v>19</v>
      </c>
    </row>
    <row r="76" spans="1:2" x14ac:dyDescent="0.25">
      <c r="A76" s="8" t="s">
        <v>15</v>
      </c>
      <c r="B76" s="9">
        <v>10</v>
      </c>
    </row>
    <row r="77" spans="1:2" x14ac:dyDescent="0.25">
      <c r="A77" s="7" t="s">
        <v>297</v>
      </c>
      <c r="B77" s="9">
        <v>65</v>
      </c>
    </row>
    <row r="78" spans="1:2" x14ac:dyDescent="0.25">
      <c r="A78" s="7" t="s">
        <v>176</v>
      </c>
      <c r="B78" s="9"/>
    </row>
    <row r="79" spans="1:2" x14ac:dyDescent="0.25">
      <c r="A79" s="8" t="s">
        <v>27</v>
      </c>
      <c r="B79" s="9">
        <v>9</v>
      </c>
    </row>
    <row r="80" spans="1:2" x14ac:dyDescent="0.25">
      <c r="A80" s="8" t="s">
        <v>20</v>
      </c>
      <c r="B80" s="9">
        <v>9</v>
      </c>
    </row>
    <row r="81" spans="1:2" x14ac:dyDescent="0.25">
      <c r="A81" s="8" t="s">
        <v>12</v>
      </c>
      <c r="B81" s="9">
        <v>10</v>
      </c>
    </row>
    <row r="82" spans="1:2" x14ac:dyDescent="0.25">
      <c r="A82" s="8" t="s">
        <v>23</v>
      </c>
      <c r="B82" s="9">
        <v>10</v>
      </c>
    </row>
    <row r="83" spans="1:2" x14ac:dyDescent="0.25">
      <c r="A83" s="8" t="s">
        <v>15</v>
      </c>
      <c r="B83" s="9">
        <v>10</v>
      </c>
    </row>
    <row r="84" spans="1:2" x14ac:dyDescent="0.25">
      <c r="A84" s="7" t="s">
        <v>298</v>
      </c>
      <c r="B84" s="9">
        <v>48</v>
      </c>
    </row>
    <row r="85" spans="1:2" x14ac:dyDescent="0.25">
      <c r="A85" s="7" t="s">
        <v>189</v>
      </c>
      <c r="B85" s="9"/>
    </row>
    <row r="86" spans="1:2" x14ac:dyDescent="0.25">
      <c r="A86" s="8" t="s">
        <v>27</v>
      </c>
      <c r="B86" s="9">
        <v>8</v>
      </c>
    </row>
    <row r="87" spans="1:2" x14ac:dyDescent="0.25">
      <c r="A87" s="8" t="s">
        <v>47</v>
      </c>
      <c r="B87" s="9">
        <v>10</v>
      </c>
    </row>
    <row r="88" spans="1:2" x14ac:dyDescent="0.25">
      <c r="A88" s="8" t="s">
        <v>20</v>
      </c>
      <c r="B88" s="9">
        <v>10</v>
      </c>
    </row>
    <row r="89" spans="1:2" x14ac:dyDescent="0.25">
      <c r="A89" s="8" t="s">
        <v>12</v>
      </c>
      <c r="B89" s="9">
        <v>10</v>
      </c>
    </row>
    <row r="90" spans="1:2" x14ac:dyDescent="0.25">
      <c r="A90" s="8" t="s">
        <v>23</v>
      </c>
      <c r="B90" s="9">
        <v>8</v>
      </c>
    </row>
    <row r="91" spans="1:2" x14ac:dyDescent="0.25">
      <c r="A91" s="8" t="s">
        <v>15</v>
      </c>
      <c r="B91" s="9">
        <v>10</v>
      </c>
    </row>
    <row r="92" spans="1:2" x14ac:dyDescent="0.25">
      <c r="A92" s="7" t="s">
        <v>299</v>
      </c>
      <c r="B92" s="9">
        <v>56</v>
      </c>
    </row>
    <row r="93" spans="1:2" x14ac:dyDescent="0.25">
      <c r="A93" s="7" t="s">
        <v>204</v>
      </c>
      <c r="B93" s="9"/>
    </row>
    <row r="94" spans="1:2" x14ac:dyDescent="0.25">
      <c r="A94" s="8" t="s">
        <v>27</v>
      </c>
      <c r="B94" s="9">
        <v>10</v>
      </c>
    </row>
    <row r="95" spans="1:2" x14ac:dyDescent="0.25">
      <c r="A95" s="8" t="s">
        <v>47</v>
      </c>
      <c r="B95" s="9">
        <v>7</v>
      </c>
    </row>
    <row r="96" spans="1:2" x14ac:dyDescent="0.25">
      <c r="A96" s="8" t="s">
        <v>20</v>
      </c>
      <c r="B96" s="9">
        <v>10</v>
      </c>
    </row>
    <row r="97" spans="1:2" x14ac:dyDescent="0.25">
      <c r="A97" s="8" t="s">
        <v>12</v>
      </c>
      <c r="B97" s="9">
        <v>10</v>
      </c>
    </row>
    <row r="98" spans="1:2" x14ac:dyDescent="0.25">
      <c r="A98" s="8" t="s">
        <v>23</v>
      </c>
      <c r="B98" s="9">
        <v>8</v>
      </c>
    </row>
    <row r="99" spans="1:2" x14ac:dyDescent="0.25">
      <c r="A99" s="8" t="s">
        <v>15</v>
      </c>
      <c r="B99" s="9">
        <v>9</v>
      </c>
    </row>
    <row r="100" spans="1:2" x14ac:dyDescent="0.25">
      <c r="A100" s="7" t="s">
        <v>300</v>
      </c>
      <c r="B100" s="9">
        <v>54</v>
      </c>
    </row>
    <row r="101" spans="1:2" x14ac:dyDescent="0.25">
      <c r="A101" s="7" t="s">
        <v>215</v>
      </c>
      <c r="B101" s="9"/>
    </row>
    <row r="102" spans="1:2" x14ac:dyDescent="0.25">
      <c r="A102" s="8" t="s">
        <v>27</v>
      </c>
      <c r="B102" s="9">
        <v>10</v>
      </c>
    </row>
    <row r="103" spans="1:2" x14ac:dyDescent="0.25">
      <c r="A103" s="8" t="s">
        <v>20</v>
      </c>
      <c r="B103" s="9">
        <v>10</v>
      </c>
    </row>
    <row r="104" spans="1:2" x14ac:dyDescent="0.25">
      <c r="A104" s="8" t="s">
        <v>23</v>
      </c>
      <c r="B104" s="9">
        <v>10</v>
      </c>
    </row>
    <row r="105" spans="1:2" x14ac:dyDescent="0.25">
      <c r="A105" s="8" t="s">
        <v>15</v>
      </c>
      <c r="B105" s="9">
        <v>7</v>
      </c>
    </row>
    <row r="106" spans="1:2" x14ac:dyDescent="0.25">
      <c r="A106" s="7" t="s">
        <v>301</v>
      </c>
      <c r="B106" s="9">
        <v>37</v>
      </c>
    </row>
    <row r="107" spans="1:2" x14ac:dyDescent="0.25">
      <c r="A107" s="7" t="s">
        <v>232</v>
      </c>
      <c r="B107" s="9"/>
    </row>
    <row r="108" spans="1:2" x14ac:dyDescent="0.25">
      <c r="A108" s="8" t="s">
        <v>27</v>
      </c>
      <c r="B108" s="9">
        <v>10</v>
      </c>
    </row>
    <row r="109" spans="1:2" x14ac:dyDescent="0.25">
      <c r="A109" s="8" t="s">
        <v>47</v>
      </c>
      <c r="B109" s="9">
        <v>6</v>
      </c>
    </row>
    <row r="110" spans="1:2" x14ac:dyDescent="0.25">
      <c r="A110" s="8" t="s">
        <v>20</v>
      </c>
      <c r="B110" s="9">
        <v>8</v>
      </c>
    </row>
    <row r="111" spans="1:2" x14ac:dyDescent="0.25">
      <c r="A111" s="8" t="s">
        <v>12</v>
      </c>
      <c r="B111" s="9">
        <v>10</v>
      </c>
    </row>
    <row r="112" spans="1:2" x14ac:dyDescent="0.25">
      <c r="A112" s="8" t="s">
        <v>23</v>
      </c>
      <c r="B112" s="9">
        <v>10</v>
      </c>
    </row>
    <row r="113" spans="1:2" x14ac:dyDescent="0.25">
      <c r="A113" s="8" t="s">
        <v>15</v>
      </c>
      <c r="B113" s="9">
        <v>8</v>
      </c>
    </row>
    <row r="114" spans="1:2" x14ac:dyDescent="0.25">
      <c r="A114" s="7" t="s">
        <v>302</v>
      </c>
      <c r="B114" s="9">
        <v>52</v>
      </c>
    </row>
    <row r="115" spans="1:2" x14ac:dyDescent="0.25">
      <c r="A115" s="7" t="s">
        <v>224</v>
      </c>
      <c r="B115" s="9"/>
    </row>
    <row r="116" spans="1:2" x14ac:dyDescent="0.25">
      <c r="A116" s="8" t="s">
        <v>27</v>
      </c>
      <c r="B116" s="9">
        <v>10</v>
      </c>
    </row>
    <row r="117" spans="1:2" x14ac:dyDescent="0.25">
      <c r="A117" s="8" t="s">
        <v>20</v>
      </c>
      <c r="B117" s="9">
        <v>10</v>
      </c>
    </row>
    <row r="118" spans="1:2" x14ac:dyDescent="0.25">
      <c r="A118" s="8" t="s">
        <v>23</v>
      </c>
      <c r="B118" s="9">
        <v>8</v>
      </c>
    </row>
    <row r="119" spans="1:2" x14ac:dyDescent="0.25">
      <c r="A119" s="8" t="s">
        <v>15</v>
      </c>
      <c r="B119" s="9">
        <v>8</v>
      </c>
    </row>
    <row r="120" spans="1:2" x14ac:dyDescent="0.25">
      <c r="A120" s="7" t="s">
        <v>303</v>
      </c>
      <c r="B120" s="9">
        <v>36</v>
      </c>
    </row>
    <row r="121" spans="1:2" x14ac:dyDescent="0.25">
      <c r="A121" s="7" t="s">
        <v>246</v>
      </c>
      <c r="B121" s="9"/>
    </row>
    <row r="122" spans="1:2" x14ac:dyDescent="0.25">
      <c r="A122" s="8" t="s">
        <v>27</v>
      </c>
      <c r="B122" s="9">
        <v>10</v>
      </c>
    </row>
    <row r="123" spans="1:2" x14ac:dyDescent="0.25">
      <c r="A123" s="8" t="s">
        <v>20</v>
      </c>
      <c r="B123" s="9">
        <v>10</v>
      </c>
    </row>
    <row r="124" spans="1:2" x14ac:dyDescent="0.25">
      <c r="A124" s="8" t="s">
        <v>12</v>
      </c>
      <c r="B124" s="9">
        <v>10</v>
      </c>
    </row>
    <row r="125" spans="1:2" x14ac:dyDescent="0.25">
      <c r="A125" s="8" t="s">
        <v>23</v>
      </c>
      <c r="B125" s="9">
        <v>10</v>
      </c>
    </row>
    <row r="126" spans="1:2" x14ac:dyDescent="0.25">
      <c r="A126" s="8" t="s">
        <v>15</v>
      </c>
      <c r="B126" s="9">
        <v>7</v>
      </c>
    </row>
    <row r="127" spans="1:2" x14ac:dyDescent="0.25">
      <c r="A127" s="7" t="s">
        <v>304</v>
      </c>
      <c r="B127" s="9">
        <v>47</v>
      </c>
    </row>
    <row r="128" spans="1:2" x14ac:dyDescent="0.25">
      <c r="A128" s="7" t="s">
        <v>258</v>
      </c>
      <c r="B128" s="9"/>
    </row>
    <row r="129" spans="1:2" x14ac:dyDescent="0.25">
      <c r="A129" s="8" t="s">
        <v>27</v>
      </c>
      <c r="B129" s="9">
        <v>6</v>
      </c>
    </row>
    <row r="130" spans="1:2" x14ac:dyDescent="0.25">
      <c r="A130" s="8" t="s">
        <v>47</v>
      </c>
      <c r="B130" s="9">
        <v>8</v>
      </c>
    </row>
    <row r="131" spans="1:2" x14ac:dyDescent="0.25">
      <c r="A131" s="8" t="s">
        <v>20</v>
      </c>
      <c r="B131" s="9">
        <v>10</v>
      </c>
    </row>
    <row r="132" spans="1:2" x14ac:dyDescent="0.25">
      <c r="A132" s="8" t="s">
        <v>12</v>
      </c>
      <c r="B132" s="9">
        <v>10</v>
      </c>
    </row>
    <row r="133" spans="1:2" x14ac:dyDescent="0.25">
      <c r="A133" s="8" t="s">
        <v>23</v>
      </c>
      <c r="B133" s="9">
        <v>10</v>
      </c>
    </row>
    <row r="134" spans="1:2" x14ac:dyDescent="0.25">
      <c r="A134" s="8" t="s">
        <v>15</v>
      </c>
      <c r="B134" s="9">
        <v>10</v>
      </c>
    </row>
    <row r="135" spans="1:2" x14ac:dyDescent="0.25">
      <c r="A135" s="7" t="s">
        <v>305</v>
      </c>
      <c r="B135" s="9">
        <v>54</v>
      </c>
    </row>
    <row r="136" spans="1:2" x14ac:dyDescent="0.25">
      <c r="A136" s="7" t="s">
        <v>270</v>
      </c>
      <c r="B136" s="9"/>
    </row>
    <row r="137" spans="1:2" x14ac:dyDescent="0.25">
      <c r="A137" s="8" t="s">
        <v>20</v>
      </c>
      <c r="B137" s="9">
        <v>7</v>
      </c>
    </row>
    <row r="138" spans="1:2" x14ac:dyDescent="0.25">
      <c r="A138" s="8" t="s">
        <v>23</v>
      </c>
      <c r="B138" s="9">
        <v>7</v>
      </c>
    </row>
    <row r="139" spans="1:2" x14ac:dyDescent="0.25">
      <c r="A139" s="7" t="s">
        <v>306</v>
      </c>
      <c r="B139" s="9">
        <v>14</v>
      </c>
    </row>
    <row r="140" spans="1:2" x14ac:dyDescent="0.25">
      <c r="A140" s="7" t="s">
        <v>275</v>
      </c>
      <c r="B140" s="9"/>
    </row>
    <row r="141" spans="1:2" x14ac:dyDescent="0.25">
      <c r="A141" s="8" t="s">
        <v>27</v>
      </c>
      <c r="B141" s="9">
        <v>10</v>
      </c>
    </row>
    <row r="142" spans="1:2" x14ac:dyDescent="0.25">
      <c r="A142" s="8" t="s">
        <v>20</v>
      </c>
      <c r="B142" s="9">
        <v>9</v>
      </c>
    </row>
    <row r="143" spans="1:2" x14ac:dyDescent="0.25">
      <c r="A143" s="8" t="s">
        <v>23</v>
      </c>
      <c r="B143" s="9">
        <v>10</v>
      </c>
    </row>
    <row r="144" spans="1:2" x14ac:dyDescent="0.25">
      <c r="A144" s="7" t="s">
        <v>307</v>
      </c>
      <c r="B144" s="9">
        <v>29</v>
      </c>
    </row>
    <row r="145" spans="1:2" x14ac:dyDescent="0.25">
      <c r="A145" s="6" t="s">
        <v>286</v>
      </c>
      <c r="B145" s="9">
        <v>1006</v>
      </c>
    </row>
    <row r="146" spans="1:2" x14ac:dyDescent="0.25">
      <c r="A146" s="6" t="s">
        <v>285</v>
      </c>
      <c r="B146" s="9">
        <v>1006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14"/>
  <sheetViews>
    <sheetView tabSelected="1" topLeftCell="D1" workbookViewId="0">
      <selection activeCell="F6" sqref="F6"/>
    </sheetView>
  </sheetViews>
  <sheetFormatPr defaultRowHeight="15" x14ac:dyDescent="0.25"/>
  <cols>
    <col min="1" max="1" width="12.140625" bestFit="1" customWidth="1"/>
    <col min="2" max="2" width="11.5703125" bestFit="1" customWidth="1"/>
    <col min="3" max="4" width="15.5703125" bestFit="1" customWidth="1"/>
    <col min="5" max="5" width="18.5703125" bestFit="1" customWidth="1"/>
    <col min="6" max="6" width="61.28515625" bestFit="1" customWidth="1"/>
    <col min="7" max="7" width="70.140625" bestFit="1" customWidth="1"/>
    <col min="8" max="8" width="8.85546875" hidden="1" customWidth="1"/>
  </cols>
  <sheetData>
    <row r="1" spans="1:8" ht="24" customHeight="1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</row>
    <row r="2" spans="1:8" ht="18.95" customHeight="1" x14ac:dyDescent="0.25">
      <c r="A2" s="2" t="s">
        <v>8</v>
      </c>
      <c r="B2" s="2" t="s">
        <v>9</v>
      </c>
      <c r="C2" s="2" t="s">
        <v>18</v>
      </c>
      <c r="D2" s="2" t="s">
        <v>19</v>
      </c>
      <c r="E2" s="2" t="s">
        <v>20</v>
      </c>
      <c r="F2" s="2" t="s">
        <v>21</v>
      </c>
      <c r="G2" s="3" t="s">
        <v>22</v>
      </c>
      <c r="H2" s="4">
        <v>9</v>
      </c>
    </row>
    <row r="3" spans="1:8" ht="18.95" customHeight="1" x14ac:dyDescent="0.25">
      <c r="A3" s="2" t="s">
        <v>8</v>
      </c>
      <c r="B3" s="2" t="s">
        <v>9</v>
      </c>
      <c r="C3" s="2" t="s">
        <v>10</v>
      </c>
      <c r="D3" s="2" t="s">
        <v>11</v>
      </c>
      <c r="E3" s="2" t="s">
        <v>12</v>
      </c>
      <c r="F3" s="2" t="s">
        <v>13</v>
      </c>
      <c r="G3" s="3" t="s">
        <v>14</v>
      </c>
      <c r="H3" s="4">
        <v>10</v>
      </c>
    </row>
    <row r="4" spans="1:8" ht="18.95" customHeight="1" x14ac:dyDescent="0.25">
      <c r="A4" s="2" t="s">
        <v>8</v>
      </c>
      <c r="B4" s="2" t="s">
        <v>9</v>
      </c>
      <c r="C4" s="2" t="s">
        <v>18</v>
      </c>
      <c r="D4" s="2" t="s">
        <v>19</v>
      </c>
      <c r="E4" s="2" t="s">
        <v>23</v>
      </c>
      <c r="F4" s="2" t="s">
        <v>21</v>
      </c>
      <c r="G4" s="3" t="s">
        <v>24</v>
      </c>
      <c r="H4" s="4">
        <v>10</v>
      </c>
    </row>
    <row r="5" spans="1:8" ht="18.95" customHeight="1" x14ac:dyDescent="0.25">
      <c r="A5" s="2" t="s">
        <v>8</v>
      </c>
      <c r="B5" s="2" t="s">
        <v>9</v>
      </c>
      <c r="C5" s="2" t="s">
        <v>10</v>
      </c>
      <c r="D5" s="2" t="s">
        <v>10</v>
      </c>
      <c r="E5" s="2" t="s">
        <v>15</v>
      </c>
      <c r="F5" s="2" t="s">
        <v>16</v>
      </c>
      <c r="G5" s="3" t="s">
        <v>17</v>
      </c>
      <c r="H5" s="4">
        <v>9</v>
      </c>
    </row>
    <row r="6" spans="1:8" ht="18.95" customHeight="1" x14ac:dyDescent="0.25">
      <c r="A6" s="2" t="s">
        <v>8</v>
      </c>
      <c r="B6" s="2" t="s">
        <v>25</v>
      </c>
      <c r="C6" s="2" t="s">
        <v>30</v>
      </c>
      <c r="D6" s="2" t="s">
        <v>30</v>
      </c>
      <c r="E6" s="2" t="s">
        <v>20</v>
      </c>
      <c r="F6" s="2" t="s">
        <v>31</v>
      </c>
      <c r="G6" s="3" t="s">
        <v>32</v>
      </c>
      <c r="H6" s="4">
        <v>10</v>
      </c>
    </row>
    <row r="7" spans="1:8" ht="18.95" customHeight="1" x14ac:dyDescent="0.25">
      <c r="A7" s="2" t="s">
        <v>8</v>
      </c>
      <c r="B7" s="2" t="s">
        <v>25</v>
      </c>
      <c r="C7" s="2" t="s">
        <v>30</v>
      </c>
      <c r="D7" s="2" t="s">
        <v>33</v>
      </c>
      <c r="E7" s="2" t="s">
        <v>20</v>
      </c>
      <c r="F7" s="2" t="s">
        <v>34</v>
      </c>
      <c r="G7" s="3" t="s">
        <v>35</v>
      </c>
      <c r="H7" s="4">
        <v>10</v>
      </c>
    </row>
    <row r="8" spans="1:8" ht="18.95" customHeight="1" x14ac:dyDescent="0.25">
      <c r="A8" s="2" t="s">
        <v>8</v>
      </c>
      <c r="B8" s="2" t="s">
        <v>25</v>
      </c>
      <c r="C8" s="2" t="s">
        <v>30</v>
      </c>
      <c r="D8" s="2" t="s">
        <v>37</v>
      </c>
      <c r="E8" s="2" t="s">
        <v>12</v>
      </c>
      <c r="F8" s="2" t="s">
        <v>38</v>
      </c>
      <c r="G8" s="3" t="s">
        <v>39</v>
      </c>
      <c r="H8" s="4">
        <v>10</v>
      </c>
    </row>
    <row r="9" spans="1:8" ht="18.95" customHeight="1" x14ac:dyDescent="0.25">
      <c r="A9" s="2" t="s">
        <v>8</v>
      </c>
      <c r="B9" s="2" t="s">
        <v>25</v>
      </c>
      <c r="C9" s="2" t="s">
        <v>30</v>
      </c>
      <c r="D9" s="2" t="s">
        <v>30</v>
      </c>
      <c r="E9" s="2" t="s">
        <v>12</v>
      </c>
      <c r="F9" s="2" t="s">
        <v>40</v>
      </c>
      <c r="G9" s="3" t="s">
        <v>41</v>
      </c>
      <c r="H9" s="4">
        <v>10</v>
      </c>
    </row>
    <row r="10" spans="1:8" ht="18.95" customHeight="1" x14ac:dyDescent="0.25">
      <c r="A10" s="2" t="s">
        <v>8</v>
      </c>
      <c r="B10" s="2" t="s">
        <v>25</v>
      </c>
      <c r="C10" s="2" t="s">
        <v>30</v>
      </c>
      <c r="D10" s="2" t="s">
        <v>30</v>
      </c>
      <c r="E10" s="2" t="s">
        <v>23</v>
      </c>
      <c r="F10" s="2" t="s">
        <v>40</v>
      </c>
      <c r="G10" s="3" t="s">
        <v>42</v>
      </c>
      <c r="H10" s="4">
        <v>10</v>
      </c>
    </row>
    <row r="11" spans="1:8" ht="18.95" customHeight="1" x14ac:dyDescent="0.25">
      <c r="A11" s="2" t="s">
        <v>8</v>
      </c>
      <c r="B11" s="2" t="s">
        <v>25</v>
      </c>
      <c r="C11" s="2" t="s">
        <v>30</v>
      </c>
      <c r="D11" s="2" t="s">
        <v>30</v>
      </c>
      <c r="E11" s="2" t="s">
        <v>23</v>
      </c>
      <c r="F11" s="2" t="s">
        <v>31</v>
      </c>
      <c r="G11" s="3" t="s">
        <v>43</v>
      </c>
      <c r="H11" s="4">
        <v>10</v>
      </c>
    </row>
    <row r="12" spans="1:8" ht="18.95" customHeight="1" x14ac:dyDescent="0.25">
      <c r="A12" s="2" t="s">
        <v>8</v>
      </c>
      <c r="B12" s="2" t="s">
        <v>25</v>
      </c>
      <c r="C12" s="2" t="s">
        <v>30</v>
      </c>
      <c r="D12" s="2" t="s">
        <v>30</v>
      </c>
      <c r="E12" s="2" t="s">
        <v>15</v>
      </c>
      <c r="F12" s="2" t="s">
        <v>40</v>
      </c>
      <c r="G12" s="3" t="s">
        <v>44</v>
      </c>
      <c r="H12" s="4">
        <v>10</v>
      </c>
    </row>
    <row r="13" spans="1:8" ht="18.95" customHeight="1" x14ac:dyDescent="0.25">
      <c r="A13" s="2" t="s">
        <v>8</v>
      </c>
      <c r="B13" s="2" t="s">
        <v>25</v>
      </c>
      <c r="C13" s="2" t="s">
        <v>30</v>
      </c>
      <c r="D13" s="2" t="s">
        <v>37</v>
      </c>
      <c r="E13" s="2" t="s">
        <v>15</v>
      </c>
      <c r="F13" s="2" t="s">
        <v>38</v>
      </c>
      <c r="G13" s="3" t="s">
        <v>45</v>
      </c>
      <c r="H13" s="4">
        <v>9</v>
      </c>
    </row>
    <row r="14" spans="1:8" ht="18.95" customHeight="1" x14ac:dyDescent="0.25">
      <c r="A14" s="2" t="s">
        <v>8</v>
      </c>
      <c r="B14" s="2" t="s">
        <v>25</v>
      </c>
      <c r="C14" s="2" t="s">
        <v>26</v>
      </c>
      <c r="D14" s="2" t="s">
        <v>26</v>
      </c>
      <c r="E14" s="2" t="s">
        <v>27</v>
      </c>
      <c r="F14" s="2" t="s">
        <v>28</v>
      </c>
      <c r="G14" s="3" t="s">
        <v>29</v>
      </c>
      <c r="H14" s="4">
        <v>8</v>
      </c>
    </row>
    <row r="15" spans="1:8" ht="18.95" customHeight="1" x14ac:dyDescent="0.25">
      <c r="A15" s="2" t="s">
        <v>8</v>
      </c>
      <c r="B15" s="2" t="s">
        <v>25</v>
      </c>
      <c r="C15" s="2" t="s">
        <v>30</v>
      </c>
      <c r="D15" s="2" t="s">
        <v>30</v>
      </c>
      <c r="E15" s="2" t="s">
        <v>27</v>
      </c>
      <c r="F15" s="2" t="s">
        <v>31</v>
      </c>
      <c r="G15" s="3" t="s">
        <v>46</v>
      </c>
      <c r="H15" s="4">
        <v>9</v>
      </c>
    </row>
    <row r="16" spans="1:8" ht="18.95" customHeight="1" x14ac:dyDescent="0.25">
      <c r="A16" s="2" t="s">
        <v>8</v>
      </c>
      <c r="B16" s="2" t="s">
        <v>25</v>
      </c>
      <c r="C16" s="2" t="s">
        <v>30</v>
      </c>
      <c r="D16" s="2" t="s">
        <v>30</v>
      </c>
      <c r="E16" s="2" t="s">
        <v>47</v>
      </c>
      <c r="F16" s="2" t="s">
        <v>40</v>
      </c>
      <c r="G16" s="3" t="s">
        <v>48</v>
      </c>
      <c r="H16" s="4">
        <v>9</v>
      </c>
    </row>
    <row r="17" spans="1:8" ht="18.95" customHeight="1" x14ac:dyDescent="0.25">
      <c r="A17" s="2" t="s">
        <v>8</v>
      </c>
      <c r="B17" s="2" t="s">
        <v>25</v>
      </c>
      <c r="C17" s="2" t="s">
        <v>30</v>
      </c>
      <c r="D17" s="2" t="s">
        <v>37</v>
      </c>
      <c r="E17" s="2" t="s">
        <v>47</v>
      </c>
      <c r="F17" s="2" t="s">
        <v>38</v>
      </c>
      <c r="G17" s="3" t="s">
        <v>49</v>
      </c>
      <c r="H17" s="4">
        <v>10</v>
      </c>
    </row>
    <row r="18" spans="1:8" ht="18.95" customHeight="1" x14ac:dyDescent="0.25">
      <c r="A18" s="2" t="s">
        <v>8</v>
      </c>
      <c r="B18" s="2" t="s">
        <v>50</v>
      </c>
      <c r="C18" s="2" t="s">
        <v>36</v>
      </c>
      <c r="D18" s="2" t="s">
        <v>36</v>
      </c>
      <c r="E18" s="2" t="s">
        <v>20</v>
      </c>
      <c r="F18" s="2" t="s">
        <v>51</v>
      </c>
      <c r="G18" s="3" t="s">
        <v>52</v>
      </c>
      <c r="H18" s="4">
        <v>10</v>
      </c>
    </row>
    <row r="19" spans="1:8" ht="18.95" customHeight="1" x14ac:dyDescent="0.25">
      <c r="A19" s="2" t="s">
        <v>8</v>
      </c>
      <c r="B19" s="2" t="s">
        <v>50</v>
      </c>
      <c r="C19" s="2" t="s">
        <v>36</v>
      </c>
      <c r="D19" s="2" t="s">
        <v>53</v>
      </c>
      <c r="E19" s="2" t="s">
        <v>12</v>
      </c>
      <c r="F19" s="2" t="s">
        <v>54</v>
      </c>
      <c r="G19" s="3" t="s">
        <v>55</v>
      </c>
      <c r="H19" s="4">
        <v>8</v>
      </c>
    </row>
    <row r="20" spans="1:8" ht="18.95" customHeight="1" x14ac:dyDescent="0.25">
      <c r="A20" s="2" t="s">
        <v>8</v>
      </c>
      <c r="B20" s="2" t="s">
        <v>50</v>
      </c>
      <c r="C20" s="2" t="s">
        <v>36</v>
      </c>
      <c r="D20" s="2" t="s">
        <v>36</v>
      </c>
      <c r="E20" s="2" t="s">
        <v>23</v>
      </c>
      <c r="F20" s="2" t="s">
        <v>56</v>
      </c>
      <c r="G20" s="3" t="s">
        <v>57</v>
      </c>
      <c r="H20" s="4">
        <v>10</v>
      </c>
    </row>
    <row r="21" spans="1:8" ht="18.95" customHeight="1" x14ac:dyDescent="0.25">
      <c r="A21" s="2" t="s">
        <v>8</v>
      </c>
      <c r="B21" s="2" t="s">
        <v>50</v>
      </c>
      <c r="C21" s="2" t="s">
        <v>36</v>
      </c>
      <c r="D21" s="2" t="s">
        <v>58</v>
      </c>
      <c r="E21" s="2" t="s">
        <v>15</v>
      </c>
      <c r="F21" s="2" t="s">
        <v>59</v>
      </c>
      <c r="G21" s="3" t="s">
        <v>60</v>
      </c>
      <c r="H21" s="4">
        <v>10</v>
      </c>
    </row>
    <row r="22" spans="1:8" ht="18.95" customHeight="1" x14ac:dyDescent="0.25">
      <c r="A22" s="2" t="s">
        <v>8</v>
      </c>
      <c r="B22" s="2" t="s">
        <v>50</v>
      </c>
      <c r="C22" s="2" t="s">
        <v>62</v>
      </c>
      <c r="D22" s="2" t="s">
        <v>63</v>
      </c>
      <c r="E22" s="2" t="s">
        <v>27</v>
      </c>
      <c r="F22" s="2" t="s">
        <v>64</v>
      </c>
      <c r="G22" s="3" t="s">
        <v>65</v>
      </c>
      <c r="H22" s="4">
        <v>10</v>
      </c>
    </row>
    <row r="23" spans="1:8" ht="18.95" customHeight="1" x14ac:dyDescent="0.25">
      <c r="A23" s="2" t="s">
        <v>8</v>
      </c>
      <c r="B23" s="2" t="s">
        <v>50</v>
      </c>
      <c r="C23" s="2" t="s">
        <v>36</v>
      </c>
      <c r="D23" s="2" t="s">
        <v>53</v>
      </c>
      <c r="E23" s="2" t="s">
        <v>47</v>
      </c>
      <c r="F23" s="2" t="s">
        <v>54</v>
      </c>
      <c r="G23" s="3" t="s">
        <v>61</v>
      </c>
      <c r="H23" s="4">
        <v>0</v>
      </c>
    </row>
    <row r="24" spans="1:8" ht="18.95" customHeight="1" x14ac:dyDescent="0.25">
      <c r="A24" s="2" t="s">
        <v>8</v>
      </c>
      <c r="B24" s="2" t="s">
        <v>66</v>
      </c>
      <c r="C24" s="2" t="s">
        <v>67</v>
      </c>
      <c r="D24" s="2" t="s">
        <v>67</v>
      </c>
      <c r="E24" s="2" t="s">
        <v>20</v>
      </c>
      <c r="F24" s="2" t="s">
        <v>68</v>
      </c>
      <c r="G24" s="3" t="s">
        <v>69</v>
      </c>
      <c r="H24" s="4">
        <v>10</v>
      </c>
    </row>
    <row r="25" spans="1:8" ht="18.95" customHeight="1" x14ac:dyDescent="0.25">
      <c r="A25" s="2" t="s">
        <v>8</v>
      </c>
      <c r="B25" s="2" t="s">
        <v>66</v>
      </c>
      <c r="C25" s="2" t="s">
        <v>67</v>
      </c>
      <c r="D25" s="2" t="s">
        <v>67</v>
      </c>
      <c r="E25" s="2" t="s">
        <v>23</v>
      </c>
      <c r="F25" s="2" t="s">
        <v>68</v>
      </c>
      <c r="G25" s="3" t="s">
        <v>70</v>
      </c>
      <c r="H25" s="4">
        <v>10</v>
      </c>
    </row>
    <row r="26" spans="1:8" ht="18.95" customHeight="1" x14ac:dyDescent="0.25">
      <c r="A26" s="2" t="s">
        <v>8</v>
      </c>
      <c r="B26" s="2" t="s">
        <v>66</v>
      </c>
      <c r="C26" s="2" t="s">
        <v>71</v>
      </c>
      <c r="D26" s="2" t="s">
        <v>72</v>
      </c>
      <c r="E26" s="2" t="s">
        <v>15</v>
      </c>
      <c r="F26" s="2" t="s">
        <v>73</v>
      </c>
      <c r="G26" s="3" t="s">
        <v>74</v>
      </c>
      <c r="H26" s="4">
        <v>10</v>
      </c>
    </row>
    <row r="27" spans="1:8" ht="18.95" customHeight="1" x14ac:dyDescent="0.25">
      <c r="A27" s="2" t="s">
        <v>8</v>
      </c>
      <c r="B27" s="2" t="s">
        <v>66</v>
      </c>
      <c r="C27" s="2" t="s">
        <v>71</v>
      </c>
      <c r="D27" s="2" t="s">
        <v>75</v>
      </c>
      <c r="E27" s="2" t="s">
        <v>27</v>
      </c>
      <c r="F27" s="2" t="s">
        <v>76</v>
      </c>
      <c r="G27" s="3" t="s">
        <v>77</v>
      </c>
      <c r="H27" s="4">
        <v>10</v>
      </c>
    </row>
    <row r="28" spans="1:8" ht="18.95" customHeight="1" x14ac:dyDescent="0.25">
      <c r="A28" s="2" t="s">
        <v>8</v>
      </c>
      <c r="B28" s="2" t="s">
        <v>78</v>
      </c>
      <c r="C28" s="2" t="s">
        <v>84</v>
      </c>
      <c r="D28" s="2" t="s">
        <v>84</v>
      </c>
      <c r="E28" s="2" t="s">
        <v>20</v>
      </c>
      <c r="F28" s="2" t="s">
        <v>85</v>
      </c>
      <c r="G28" s="3" t="s">
        <v>86</v>
      </c>
      <c r="H28" s="4">
        <v>10</v>
      </c>
    </row>
    <row r="29" spans="1:8" ht="18.95" customHeight="1" x14ac:dyDescent="0.25">
      <c r="A29" s="2" t="s">
        <v>8</v>
      </c>
      <c r="B29" s="2" t="s">
        <v>78</v>
      </c>
      <c r="C29" s="2" t="s">
        <v>79</v>
      </c>
      <c r="D29" s="2" t="s">
        <v>79</v>
      </c>
      <c r="E29" s="2" t="s">
        <v>12</v>
      </c>
      <c r="F29" s="2" t="s">
        <v>80</v>
      </c>
      <c r="G29" s="3" t="s">
        <v>81</v>
      </c>
      <c r="H29" s="4">
        <v>9</v>
      </c>
    </row>
    <row r="30" spans="1:8" ht="18.95" customHeight="1" x14ac:dyDescent="0.25">
      <c r="A30" s="2" t="s">
        <v>8</v>
      </c>
      <c r="B30" s="2" t="s">
        <v>78</v>
      </c>
      <c r="C30" s="2" t="s">
        <v>91</v>
      </c>
      <c r="D30" s="2" t="s">
        <v>91</v>
      </c>
      <c r="E30" s="2" t="s">
        <v>23</v>
      </c>
      <c r="F30" s="2" t="s">
        <v>92</v>
      </c>
      <c r="G30" s="3" t="s">
        <v>93</v>
      </c>
      <c r="H30" s="4">
        <v>10</v>
      </c>
    </row>
    <row r="31" spans="1:8" ht="18.95" customHeight="1" x14ac:dyDescent="0.25">
      <c r="A31" s="2" t="s">
        <v>8</v>
      </c>
      <c r="B31" s="2" t="s">
        <v>78</v>
      </c>
      <c r="C31" s="2" t="s">
        <v>79</v>
      </c>
      <c r="D31" s="2" t="s">
        <v>79</v>
      </c>
      <c r="E31" s="2" t="s">
        <v>15</v>
      </c>
      <c r="F31" s="2" t="s">
        <v>82</v>
      </c>
      <c r="G31" s="3" t="s">
        <v>83</v>
      </c>
      <c r="H31" s="4">
        <v>9</v>
      </c>
    </row>
    <row r="32" spans="1:8" ht="18.95" customHeight="1" x14ac:dyDescent="0.25">
      <c r="A32" s="2" t="s">
        <v>8</v>
      </c>
      <c r="B32" s="2" t="s">
        <v>78</v>
      </c>
      <c r="C32" s="2" t="s">
        <v>87</v>
      </c>
      <c r="D32" s="2" t="s">
        <v>88</v>
      </c>
      <c r="E32" s="2" t="s">
        <v>27</v>
      </c>
      <c r="F32" s="2" t="s">
        <v>89</v>
      </c>
      <c r="G32" s="3" t="s">
        <v>90</v>
      </c>
      <c r="H32" s="4">
        <v>0</v>
      </c>
    </row>
    <row r="33" spans="1:8" ht="18.95" customHeight="1" x14ac:dyDescent="0.25">
      <c r="A33" s="2" t="s">
        <v>8</v>
      </c>
      <c r="B33" s="2" t="s">
        <v>94</v>
      </c>
      <c r="C33" s="2" t="s">
        <v>95</v>
      </c>
      <c r="D33" s="2" t="s">
        <v>95</v>
      </c>
      <c r="E33" s="2" t="s">
        <v>20</v>
      </c>
      <c r="F33" s="2" t="s">
        <v>96</v>
      </c>
      <c r="G33" s="3" t="s">
        <v>97</v>
      </c>
      <c r="H33" s="4">
        <v>10</v>
      </c>
    </row>
    <row r="34" spans="1:8" ht="18.95" customHeight="1" x14ac:dyDescent="0.25">
      <c r="A34" s="2" t="s">
        <v>8</v>
      </c>
      <c r="B34" s="2" t="s">
        <v>94</v>
      </c>
      <c r="C34" s="2" t="s">
        <v>103</v>
      </c>
      <c r="D34" s="2" t="s">
        <v>104</v>
      </c>
      <c r="E34" s="2" t="s">
        <v>20</v>
      </c>
      <c r="F34" s="2" t="s">
        <v>105</v>
      </c>
      <c r="G34" s="3" t="s">
        <v>106</v>
      </c>
      <c r="H34" s="4">
        <v>9</v>
      </c>
    </row>
    <row r="35" spans="1:8" ht="18.95" customHeight="1" x14ac:dyDescent="0.25">
      <c r="A35" s="2" t="s">
        <v>8</v>
      </c>
      <c r="B35" s="2" t="s">
        <v>94</v>
      </c>
      <c r="C35" s="2" t="s">
        <v>113</v>
      </c>
      <c r="D35" s="2" t="s">
        <v>113</v>
      </c>
      <c r="E35" s="2" t="s">
        <v>20</v>
      </c>
      <c r="F35" s="2" t="s">
        <v>114</v>
      </c>
      <c r="G35" s="3" t="s">
        <v>115</v>
      </c>
      <c r="H35" s="4">
        <v>10</v>
      </c>
    </row>
    <row r="36" spans="1:8" ht="18.95" customHeight="1" x14ac:dyDescent="0.25">
      <c r="A36" s="2" t="s">
        <v>8</v>
      </c>
      <c r="B36" s="2" t="s">
        <v>94</v>
      </c>
      <c r="C36" s="2" t="s">
        <v>103</v>
      </c>
      <c r="D36" s="2" t="s">
        <v>104</v>
      </c>
      <c r="E36" s="2" t="s">
        <v>12</v>
      </c>
      <c r="F36" s="2" t="s">
        <v>107</v>
      </c>
      <c r="G36" s="3" t="s">
        <v>108</v>
      </c>
      <c r="H36" s="4">
        <v>9</v>
      </c>
    </row>
    <row r="37" spans="1:8" ht="18.95" customHeight="1" x14ac:dyDescent="0.25">
      <c r="A37" s="2" t="s">
        <v>8</v>
      </c>
      <c r="B37" s="2" t="s">
        <v>94</v>
      </c>
      <c r="C37" s="2" t="s">
        <v>95</v>
      </c>
      <c r="D37" s="2" t="s">
        <v>95</v>
      </c>
      <c r="E37" s="2" t="s">
        <v>23</v>
      </c>
      <c r="F37" s="2" t="s">
        <v>96</v>
      </c>
      <c r="G37" s="3" t="s">
        <v>98</v>
      </c>
      <c r="H37" s="4">
        <v>10</v>
      </c>
    </row>
    <row r="38" spans="1:8" ht="18.95" customHeight="1" x14ac:dyDescent="0.25">
      <c r="A38" s="2" t="s">
        <v>8</v>
      </c>
      <c r="B38" s="2" t="s">
        <v>94</v>
      </c>
      <c r="C38" s="2" t="s">
        <v>103</v>
      </c>
      <c r="D38" s="2" t="s">
        <v>104</v>
      </c>
      <c r="E38" s="2" t="s">
        <v>23</v>
      </c>
      <c r="F38" s="2" t="s">
        <v>105</v>
      </c>
      <c r="G38" s="3" t="s">
        <v>109</v>
      </c>
      <c r="H38" s="4">
        <v>10</v>
      </c>
    </row>
    <row r="39" spans="1:8" ht="18.95" customHeight="1" x14ac:dyDescent="0.25">
      <c r="A39" s="2" t="s">
        <v>8</v>
      </c>
      <c r="B39" s="2" t="s">
        <v>94</v>
      </c>
      <c r="C39" s="2" t="s">
        <v>113</v>
      </c>
      <c r="D39" s="2" t="s">
        <v>113</v>
      </c>
      <c r="E39" s="2" t="s">
        <v>23</v>
      </c>
      <c r="F39" s="2" t="s">
        <v>114</v>
      </c>
      <c r="G39" s="3" t="s">
        <v>116</v>
      </c>
      <c r="H39" s="4">
        <v>10</v>
      </c>
    </row>
    <row r="40" spans="1:8" ht="18.95" customHeight="1" x14ac:dyDescent="0.25">
      <c r="A40" s="2" t="s">
        <v>8</v>
      </c>
      <c r="B40" s="2" t="s">
        <v>94</v>
      </c>
      <c r="C40" s="2" t="s">
        <v>100</v>
      </c>
      <c r="D40" s="2" t="s">
        <v>100</v>
      </c>
      <c r="E40" s="2" t="s">
        <v>15</v>
      </c>
      <c r="F40" s="2" t="s">
        <v>101</v>
      </c>
      <c r="G40" s="3" t="s">
        <v>102</v>
      </c>
      <c r="H40" s="4">
        <v>10</v>
      </c>
    </row>
    <row r="41" spans="1:8" ht="18.95" customHeight="1" x14ac:dyDescent="0.25">
      <c r="A41" s="2" t="s">
        <v>8</v>
      </c>
      <c r="B41" s="2" t="s">
        <v>94</v>
      </c>
      <c r="C41" s="2" t="s">
        <v>103</v>
      </c>
      <c r="D41" s="2" t="s">
        <v>104</v>
      </c>
      <c r="E41" s="2" t="s">
        <v>15</v>
      </c>
      <c r="F41" s="2" t="s">
        <v>107</v>
      </c>
      <c r="G41" s="3" t="s">
        <v>110</v>
      </c>
      <c r="H41" s="4">
        <v>9</v>
      </c>
    </row>
    <row r="42" spans="1:8" ht="18.95" customHeight="1" x14ac:dyDescent="0.25">
      <c r="A42" s="2" t="s">
        <v>8</v>
      </c>
      <c r="B42" s="2" t="s">
        <v>94</v>
      </c>
      <c r="C42" s="2" t="s">
        <v>95</v>
      </c>
      <c r="D42" s="2" t="s">
        <v>95</v>
      </c>
      <c r="E42" s="2" t="s">
        <v>27</v>
      </c>
      <c r="F42" s="2" t="s">
        <v>96</v>
      </c>
      <c r="G42" s="3" t="s">
        <v>99</v>
      </c>
      <c r="H42" s="4">
        <v>10</v>
      </c>
    </row>
    <row r="43" spans="1:8" ht="18.95" customHeight="1" x14ac:dyDescent="0.25">
      <c r="A43" s="2" t="s">
        <v>8</v>
      </c>
      <c r="B43" s="2" t="s">
        <v>94</v>
      </c>
      <c r="C43" s="2" t="s">
        <v>103</v>
      </c>
      <c r="D43" s="2" t="s">
        <v>104</v>
      </c>
      <c r="E43" s="2" t="s">
        <v>27</v>
      </c>
      <c r="F43" s="2" t="s">
        <v>105</v>
      </c>
      <c r="G43" s="3" t="s">
        <v>111</v>
      </c>
      <c r="H43" s="4">
        <v>10</v>
      </c>
    </row>
    <row r="44" spans="1:8" ht="18.95" customHeight="1" x14ac:dyDescent="0.25">
      <c r="A44" s="2" t="s">
        <v>8</v>
      </c>
      <c r="B44" s="2" t="s">
        <v>94</v>
      </c>
      <c r="C44" s="2" t="s">
        <v>113</v>
      </c>
      <c r="D44" s="2" t="s">
        <v>113</v>
      </c>
      <c r="E44" s="2" t="s">
        <v>27</v>
      </c>
      <c r="F44" s="2" t="s">
        <v>114</v>
      </c>
      <c r="G44" s="3" t="s">
        <v>117</v>
      </c>
      <c r="H44" s="4">
        <v>10</v>
      </c>
    </row>
    <row r="45" spans="1:8" ht="18.95" customHeight="1" x14ac:dyDescent="0.25">
      <c r="A45" s="2" t="s">
        <v>8</v>
      </c>
      <c r="B45" s="2" t="s">
        <v>94</v>
      </c>
      <c r="C45" s="2" t="s">
        <v>103</v>
      </c>
      <c r="D45" s="2" t="s">
        <v>104</v>
      </c>
      <c r="E45" s="2" t="s">
        <v>47</v>
      </c>
      <c r="F45" s="2" t="s">
        <v>107</v>
      </c>
      <c r="G45" s="3" t="s">
        <v>112</v>
      </c>
      <c r="H45" s="4">
        <v>0</v>
      </c>
    </row>
    <row r="46" spans="1:8" ht="18.95" customHeight="1" x14ac:dyDescent="0.25">
      <c r="A46" s="2" t="s">
        <v>8</v>
      </c>
      <c r="B46" s="2" t="s">
        <v>124</v>
      </c>
      <c r="C46" s="2" t="s">
        <v>125</v>
      </c>
      <c r="D46" s="2" t="s">
        <v>125</v>
      </c>
      <c r="E46" s="2" t="s">
        <v>20</v>
      </c>
      <c r="F46" s="2" t="s">
        <v>126</v>
      </c>
      <c r="G46" s="3" t="s">
        <v>127</v>
      </c>
      <c r="H46" s="4">
        <v>10</v>
      </c>
    </row>
    <row r="47" spans="1:8" ht="18.95" customHeight="1" x14ac:dyDescent="0.25">
      <c r="A47" s="2" t="s">
        <v>8</v>
      </c>
      <c r="B47" s="2" t="s">
        <v>124</v>
      </c>
      <c r="C47" s="2" t="s">
        <v>128</v>
      </c>
      <c r="D47" s="2" t="s">
        <v>129</v>
      </c>
      <c r="E47" s="2" t="s">
        <v>23</v>
      </c>
      <c r="F47" s="2" t="s">
        <v>130</v>
      </c>
      <c r="G47" s="3" t="s">
        <v>131</v>
      </c>
      <c r="H47" s="4">
        <v>10</v>
      </c>
    </row>
    <row r="48" spans="1:8" ht="18.95" customHeight="1" x14ac:dyDescent="0.25">
      <c r="A48" s="2" t="s">
        <v>8</v>
      </c>
      <c r="B48" s="2" t="s">
        <v>132</v>
      </c>
      <c r="C48" s="2" t="s">
        <v>139</v>
      </c>
      <c r="D48" s="2" t="s">
        <v>139</v>
      </c>
      <c r="E48" s="2" t="s">
        <v>20</v>
      </c>
      <c r="F48" s="2" t="s">
        <v>140</v>
      </c>
      <c r="G48" s="3" t="s">
        <v>141</v>
      </c>
      <c r="H48" s="4">
        <v>9</v>
      </c>
    </row>
    <row r="49" spans="1:8" ht="18.95" customHeight="1" x14ac:dyDescent="0.25">
      <c r="A49" s="2" t="s">
        <v>8</v>
      </c>
      <c r="B49" s="2" t="s">
        <v>132</v>
      </c>
      <c r="C49" s="2" t="s">
        <v>133</v>
      </c>
      <c r="D49" s="2" t="s">
        <v>134</v>
      </c>
      <c r="E49" s="2" t="s">
        <v>12</v>
      </c>
      <c r="F49" s="2" t="s">
        <v>135</v>
      </c>
      <c r="G49" s="3" t="s">
        <v>136</v>
      </c>
      <c r="H49" s="4">
        <v>10</v>
      </c>
    </row>
    <row r="50" spans="1:8" ht="18.95" customHeight="1" x14ac:dyDescent="0.25">
      <c r="A50" s="2" t="s">
        <v>8</v>
      </c>
      <c r="B50" s="2" t="s">
        <v>132</v>
      </c>
      <c r="C50" s="2" t="s">
        <v>139</v>
      </c>
      <c r="D50" s="2" t="s">
        <v>139</v>
      </c>
      <c r="E50" s="2" t="s">
        <v>23</v>
      </c>
      <c r="F50" s="2" t="s">
        <v>140</v>
      </c>
      <c r="G50" s="3" t="s">
        <v>142</v>
      </c>
      <c r="H50" s="4">
        <v>10</v>
      </c>
    </row>
    <row r="51" spans="1:8" ht="18.95" customHeight="1" x14ac:dyDescent="0.25">
      <c r="A51" s="2" t="s">
        <v>8</v>
      </c>
      <c r="B51" s="2" t="s">
        <v>132</v>
      </c>
      <c r="C51" s="2" t="s">
        <v>133</v>
      </c>
      <c r="D51" s="2" t="s">
        <v>134</v>
      </c>
      <c r="E51" s="2" t="s">
        <v>15</v>
      </c>
      <c r="F51" s="2" t="s">
        <v>135</v>
      </c>
      <c r="G51" s="3" t="s">
        <v>137</v>
      </c>
      <c r="H51" s="4">
        <v>9</v>
      </c>
    </row>
    <row r="52" spans="1:8" ht="18.95" customHeight="1" x14ac:dyDescent="0.25">
      <c r="A52" s="2" t="s">
        <v>8</v>
      </c>
      <c r="B52" s="2" t="s">
        <v>132</v>
      </c>
      <c r="C52" s="2" t="s">
        <v>133</v>
      </c>
      <c r="D52" s="2" t="s">
        <v>134</v>
      </c>
      <c r="E52" s="2" t="s">
        <v>27</v>
      </c>
      <c r="F52" s="2" t="s">
        <v>135</v>
      </c>
      <c r="G52" s="3" t="s">
        <v>133</v>
      </c>
      <c r="H52" s="4">
        <v>7</v>
      </c>
    </row>
    <row r="53" spans="1:8" ht="18.95" customHeight="1" x14ac:dyDescent="0.25">
      <c r="A53" s="2" t="s">
        <v>8</v>
      </c>
      <c r="B53" s="2" t="s">
        <v>132</v>
      </c>
      <c r="C53" s="2" t="s">
        <v>133</v>
      </c>
      <c r="D53" s="2" t="s">
        <v>134</v>
      </c>
      <c r="E53" s="2" t="s">
        <v>47</v>
      </c>
      <c r="F53" s="2" t="s">
        <v>135</v>
      </c>
      <c r="G53" s="3" t="s">
        <v>138</v>
      </c>
      <c r="H53" s="4">
        <v>7</v>
      </c>
    </row>
    <row r="54" spans="1:8" ht="18.95" customHeight="1" x14ac:dyDescent="0.25">
      <c r="A54" s="2" t="s">
        <v>8</v>
      </c>
      <c r="B54" s="2" t="s">
        <v>143</v>
      </c>
      <c r="C54" s="2" t="s">
        <v>150</v>
      </c>
      <c r="D54" s="2" t="s">
        <v>151</v>
      </c>
      <c r="E54" s="2" t="s">
        <v>20</v>
      </c>
      <c r="F54" s="2" t="s">
        <v>152</v>
      </c>
      <c r="G54" s="3" t="s">
        <v>153</v>
      </c>
      <c r="H54" s="4">
        <v>10</v>
      </c>
    </row>
    <row r="55" spans="1:8" ht="18.95" customHeight="1" x14ac:dyDescent="0.25">
      <c r="A55" s="2" t="s">
        <v>8</v>
      </c>
      <c r="B55" s="2" t="s">
        <v>143</v>
      </c>
      <c r="C55" s="2" t="s">
        <v>144</v>
      </c>
      <c r="D55" s="2" t="s">
        <v>145</v>
      </c>
      <c r="E55" s="2" t="s">
        <v>12</v>
      </c>
      <c r="F55" s="2" t="s">
        <v>146</v>
      </c>
      <c r="G55" s="3" t="s">
        <v>147</v>
      </c>
      <c r="H55" s="4">
        <v>0</v>
      </c>
    </row>
    <row r="56" spans="1:8" ht="18.95" customHeight="1" x14ac:dyDescent="0.25">
      <c r="A56" s="2" t="s">
        <v>8</v>
      </c>
      <c r="B56" s="2" t="s">
        <v>143</v>
      </c>
      <c r="C56" s="2" t="s">
        <v>150</v>
      </c>
      <c r="D56" s="2" t="s">
        <v>150</v>
      </c>
      <c r="E56" s="2" t="s">
        <v>23</v>
      </c>
      <c r="F56" s="2" t="s">
        <v>154</v>
      </c>
      <c r="G56" s="3" t="s">
        <v>155</v>
      </c>
      <c r="H56" s="4">
        <v>10</v>
      </c>
    </row>
    <row r="57" spans="1:8" ht="18.95" customHeight="1" x14ac:dyDescent="0.25">
      <c r="A57" s="2" t="s">
        <v>8</v>
      </c>
      <c r="B57" s="2" t="s">
        <v>143</v>
      </c>
      <c r="C57" s="2" t="s">
        <v>144</v>
      </c>
      <c r="D57" s="2" t="s">
        <v>144</v>
      </c>
      <c r="E57" s="2" t="s">
        <v>27</v>
      </c>
      <c r="F57" s="2" t="s">
        <v>148</v>
      </c>
      <c r="G57" s="3" t="s">
        <v>149</v>
      </c>
      <c r="H57" s="4">
        <v>10</v>
      </c>
    </row>
    <row r="58" spans="1:8" ht="18.95" customHeight="1" x14ac:dyDescent="0.25">
      <c r="A58" s="2" t="s">
        <v>8</v>
      </c>
      <c r="B58" s="2" t="s">
        <v>118</v>
      </c>
      <c r="C58" s="2" t="s">
        <v>119</v>
      </c>
      <c r="D58" s="2" t="s">
        <v>120</v>
      </c>
      <c r="E58" s="2" t="s">
        <v>20</v>
      </c>
      <c r="F58" s="2" t="s">
        <v>121</v>
      </c>
      <c r="G58" s="3" t="s">
        <v>122</v>
      </c>
      <c r="H58" s="4">
        <v>7</v>
      </c>
    </row>
    <row r="59" spans="1:8" ht="18.95" customHeight="1" x14ac:dyDescent="0.25">
      <c r="A59" s="2" t="s">
        <v>8</v>
      </c>
      <c r="B59" s="2" t="s">
        <v>118</v>
      </c>
      <c r="C59" s="2" t="s">
        <v>119</v>
      </c>
      <c r="D59" s="2" t="s">
        <v>120</v>
      </c>
      <c r="E59" s="2" t="s">
        <v>23</v>
      </c>
      <c r="F59" s="2" t="s">
        <v>121</v>
      </c>
      <c r="G59" s="3" t="s">
        <v>123</v>
      </c>
      <c r="H59" s="4">
        <v>9</v>
      </c>
    </row>
    <row r="60" spans="1:8" ht="18.95" customHeight="1" x14ac:dyDescent="0.25">
      <c r="A60" s="2" t="s">
        <v>8</v>
      </c>
      <c r="B60" s="2" t="s">
        <v>156</v>
      </c>
      <c r="C60" s="2" t="s">
        <v>157</v>
      </c>
      <c r="D60" s="2" t="s">
        <v>157</v>
      </c>
      <c r="E60" s="2" t="s">
        <v>20</v>
      </c>
      <c r="F60" s="2" t="s">
        <v>158</v>
      </c>
      <c r="G60" s="3" t="s">
        <v>159</v>
      </c>
      <c r="H60" s="4">
        <v>0</v>
      </c>
    </row>
    <row r="61" spans="1:8" ht="18.95" customHeight="1" x14ac:dyDescent="0.25">
      <c r="A61" s="2" t="s">
        <v>8</v>
      </c>
      <c r="B61" s="2" t="s">
        <v>156</v>
      </c>
      <c r="C61" s="2" t="s">
        <v>164</v>
      </c>
      <c r="D61" s="2" t="s">
        <v>165</v>
      </c>
      <c r="E61" s="2" t="s">
        <v>20</v>
      </c>
      <c r="F61" s="2" t="s">
        <v>166</v>
      </c>
      <c r="G61" s="3" t="s">
        <v>167</v>
      </c>
      <c r="H61" s="4">
        <v>9</v>
      </c>
    </row>
    <row r="62" spans="1:8" ht="18.95" customHeight="1" x14ac:dyDescent="0.25">
      <c r="A62" s="2" t="s">
        <v>8</v>
      </c>
      <c r="B62" s="2" t="s">
        <v>156</v>
      </c>
      <c r="C62" s="2" t="s">
        <v>168</v>
      </c>
      <c r="D62" s="2" t="s">
        <v>168</v>
      </c>
      <c r="E62" s="2" t="s">
        <v>12</v>
      </c>
      <c r="F62" s="2" t="s">
        <v>169</v>
      </c>
      <c r="G62" s="3" t="s">
        <v>170</v>
      </c>
      <c r="H62" s="4">
        <v>9</v>
      </c>
    </row>
    <row r="63" spans="1:8" ht="18.95" customHeight="1" x14ac:dyDescent="0.25">
      <c r="A63" s="2" t="s">
        <v>8</v>
      </c>
      <c r="B63" s="2" t="s">
        <v>156</v>
      </c>
      <c r="C63" s="2" t="s">
        <v>157</v>
      </c>
      <c r="D63" s="2" t="s">
        <v>157</v>
      </c>
      <c r="E63" s="2" t="s">
        <v>23</v>
      </c>
      <c r="F63" s="2" t="s">
        <v>158</v>
      </c>
      <c r="G63" s="3" t="s">
        <v>160</v>
      </c>
      <c r="H63" s="4">
        <v>9</v>
      </c>
    </row>
    <row r="64" spans="1:8" ht="18.95" customHeight="1" x14ac:dyDescent="0.25">
      <c r="A64" s="2" t="s">
        <v>8</v>
      </c>
      <c r="B64" s="2" t="s">
        <v>156</v>
      </c>
      <c r="C64" s="2" t="s">
        <v>168</v>
      </c>
      <c r="D64" s="2" t="s">
        <v>168</v>
      </c>
      <c r="E64" s="2" t="s">
        <v>23</v>
      </c>
      <c r="F64" s="2" t="s">
        <v>169</v>
      </c>
      <c r="G64" s="3" t="s">
        <v>171</v>
      </c>
      <c r="H64" s="4">
        <v>10</v>
      </c>
    </row>
    <row r="65" spans="1:8" ht="18.95" customHeight="1" x14ac:dyDescent="0.25">
      <c r="A65" s="2" t="s">
        <v>8</v>
      </c>
      <c r="B65" s="2" t="s">
        <v>156</v>
      </c>
      <c r="C65" s="2" t="s">
        <v>168</v>
      </c>
      <c r="D65" s="2" t="s">
        <v>168</v>
      </c>
      <c r="E65" s="2" t="s">
        <v>15</v>
      </c>
      <c r="F65" s="2" t="s">
        <v>169</v>
      </c>
      <c r="G65" s="3" t="s">
        <v>172</v>
      </c>
      <c r="H65" s="4">
        <v>10</v>
      </c>
    </row>
    <row r="66" spans="1:8" ht="18.95" customHeight="1" x14ac:dyDescent="0.25">
      <c r="A66" s="2" t="s">
        <v>8</v>
      </c>
      <c r="B66" s="2" t="s">
        <v>156</v>
      </c>
      <c r="C66" s="2" t="s">
        <v>161</v>
      </c>
      <c r="D66" s="2" t="s">
        <v>161</v>
      </c>
      <c r="E66" s="2" t="s">
        <v>27</v>
      </c>
      <c r="F66" s="2" t="s">
        <v>162</v>
      </c>
      <c r="G66" s="3" t="s">
        <v>163</v>
      </c>
      <c r="H66" s="4">
        <v>10</v>
      </c>
    </row>
    <row r="67" spans="1:8" ht="18.95" customHeight="1" x14ac:dyDescent="0.25">
      <c r="A67" s="2" t="s">
        <v>8</v>
      </c>
      <c r="B67" s="2" t="s">
        <v>156</v>
      </c>
      <c r="C67" s="2" t="s">
        <v>168</v>
      </c>
      <c r="D67" s="2" t="s">
        <v>173</v>
      </c>
      <c r="E67" s="2" t="s">
        <v>47</v>
      </c>
      <c r="F67" s="2" t="s">
        <v>174</v>
      </c>
      <c r="G67" s="3" t="s">
        <v>175</v>
      </c>
      <c r="H67" s="4">
        <v>8</v>
      </c>
    </row>
    <row r="68" spans="1:8" ht="18.95" customHeight="1" x14ac:dyDescent="0.25">
      <c r="A68" s="2" t="s">
        <v>8</v>
      </c>
      <c r="B68" s="2" t="s">
        <v>176</v>
      </c>
      <c r="C68" s="2" t="s">
        <v>181</v>
      </c>
      <c r="D68" s="2" t="s">
        <v>181</v>
      </c>
      <c r="E68" s="2" t="s">
        <v>20</v>
      </c>
      <c r="F68" s="2" t="s">
        <v>182</v>
      </c>
      <c r="G68" s="3" t="s">
        <v>183</v>
      </c>
      <c r="H68" s="4">
        <v>9</v>
      </c>
    </row>
    <row r="69" spans="1:8" ht="18.95" customHeight="1" x14ac:dyDescent="0.25">
      <c r="A69" s="2" t="s">
        <v>8</v>
      </c>
      <c r="B69" s="2" t="s">
        <v>176</v>
      </c>
      <c r="C69" s="2" t="s">
        <v>181</v>
      </c>
      <c r="D69" s="2" t="s">
        <v>181</v>
      </c>
      <c r="E69" s="2" t="s">
        <v>12</v>
      </c>
      <c r="F69" s="2" t="s">
        <v>182</v>
      </c>
      <c r="G69" s="3" t="s">
        <v>184</v>
      </c>
      <c r="H69" s="4">
        <v>10</v>
      </c>
    </row>
    <row r="70" spans="1:8" ht="18.95" customHeight="1" x14ac:dyDescent="0.25">
      <c r="A70" s="2" t="s">
        <v>8</v>
      </c>
      <c r="B70" s="2" t="s">
        <v>176</v>
      </c>
      <c r="C70" s="2" t="s">
        <v>177</v>
      </c>
      <c r="D70" s="2" t="s">
        <v>178</v>
      </c>
      <c r="E70" s="2" t="s">
        <v>23</v>
      </c>
      <c r="F70" s="2" t="s">
        <v>179</v>
      </c>
      <c r="G70" s="3" t="s">
        <v>180</v>
      </c>
      <c r="H70" s="4">
        <v>10</v>
      </c>
    </row>
    <row r="71" spans="1:8" ht="18.95" customHeight="1" x14ac:dyDescent="0.25">
      <c r="A71" s="2" t="s">
        <v>8</v>
      </c>
      <c r="B71" s="2" t="s">
        <v>176</v>
      </c>
      <c r="C71" s="2" t="s">
        <v>186</v>
      </c>
      <c r="D71" s="2" t="s">
        <v>186</v>
      </c>
      <c r="E71" s="2" t="s">
        <v>15</v>
      </c>
      <c r="F71" s="2" t="s">
        <v>187</v>
      </c>
      <c r="G71" s="3" t="s">
        <v>188</v>
      </c>
      <c r="H71" s="4">
        <v>10</v>
      </c>
    </row>
    <row r="72" spans="1:8" ht="18.95" customHeight="1" x14ac:dyDescent="0.25">
      <c r="A72" s="2" t="s">
        <v>8</v>
      </c>
      <c r="B72" s="2" t="s">
        <v>176</v>
      </c>
      <c r="C72" s="2" t="s">
        <v>181</v>
      </c>
      <c r="D72" s="2" t="s">
        <v>181</v>
      </c>
      <c r="E72" s="2" t="s">
        <v>27</v>
      </c>
      <c r="F72" s="2" t="s">
        <v>182</v>
      </c>
      <c r="G72" s="3" t="s">
        <v>185</v>
      </c>
      <c r="H72" s="4">
        <v>9</v>
      </c>
    </row>
    <row r="73" spans="1:8" ht="18.95" customHeight="1" x14ac:dyDescent="0.25">
      <c r="A73" s="2" t="s">
        <v>8</v>
      </c>
      <c r="B73" s="2" t="s">
        <v>189</v>
      </c>
      <c r="C73" s="2" t="s">
        <v>197</v>
      </c>
      <c r="D73" s="2" t="s">
        <v>197</v>
      </c>
      <c r="E73" s="2" t="s">
        <v>20</v>
      </c>
      <c r="F73" s="2" t="s">
        <v>198</v>
      </c>
      <c r="G73" s="3" t="s">
        <v>199</v>
      </c>
      <c r="H73" s="4">
        <v>10</v>
      </c>
    </row>
    <row r="74" spans="1:8" ht="18.95" customHeight="1" x14ac:dyDescent="0.25">
      <c r="A74" s="2" t="s">
        <v>8</v>
      </c>
      <c r="B74" s="2" t="s">
        <v>189</v>
      </c>
      <c r="C74" s="2" t="s">
        <v>197</v>
      </c>
      <c r="D74" s="2" t="s">
        <v>197</v>
      </c>
      <c r="E74" s="2" t="s">
        <v>12</v>
      </c>
      <c r="F74" s="2" t="s">
        <v>200</v>
      </c>
      <c r="G74" s="3" t="s">
        <v>201</v>
      </c>
      <c r="H74" s="4">
        <v>10</v>
      </c>
    </row>
    <row r="75" spans="1:8" ht="18.95" customHeight="1" x14ac:dyDescent="0.25">
      <c r="A75" s="2" t="s">
        <v>8</v>
      </c>
      <c r="B75" s="2" t="s">
        <v>189</v>
      </c>
      <c r="C75" s="2" t="s">
        <v>190</v>
      </c>
      <c r="D75" s="2" t="s">
        <v>190</v>
      </c>
      <c r="E75" s="2" t="s">
        <v>23</v>
      </c>
      <c r="F75" s="2" t="s">
        <v>191</v>
      </c>
      <c r="G75" s="3" t="s">
        <v>192</v>
      </c>
      <c r="H75" s="4">
        <v>8</v>
      </c>
    </row>
    <row r="76" spans="1:8" ht="18.95" customHeight="1" x14ac:dyDescent="0.25">
      <c r="A76" s="2" t="s">
        <v>8</v>
      </c>
      <c r="B76" s="2" t="s">
        <v>189</v>
      </c>
      <c r="C76" s="2" t="s">
        <v>197</v>
      </c>
      <c r="D76" s="2" t="s">
        <v>197</v>
      </c>
      <c r="E76" s="2" t="s">
        <v>15</v>
      </c>
      <c r="F76" s="2" t="s">
        <v>200</v>
      </c>
      <c r="G76" s="3" t="s">
        <v>202</v>
      </c>
      <c r="H76" s="4">
        <v>10</v>
      </c>
    </row>
    <row r="77" spans="1:8" ht="18.95" customHeight="1" x14ac:dyDescent="0.25">
      <c r="A77" s="2" t="s">
        <v>8</v>
      </c>
      <c r="B77" s="2" t="s">
        <v>189</v>
      </c>
      <c r="C77" s="2" t="s">
        <v>193</v>
      </c>
      <c r="D77" s="2" t="s">
        <v>194</v>
      </c>
      <c r="E77" s="2" t="s">
        <v>27</v>
      </c>
      <c r="F77" s="2" t="s">
        <v>195</v>
      </c>
      <c r="G77" s="3" t="s">
        <v>196</v>
      </c>
      <c r="H77" s="4">
        <v>8</v>
      </c>
    </row>
    <row r="78" spans="1:8" ht="18.95" customHeight="1" x14ac:dyDescent="0.25">
      <c r="A78" s="2" t="s">
        <v>8</v>
      </c>
      <c r="B78" s="2" t="s">
        <v>189</v>
      </c>
      <c r="C78" s="2" t="s">
        <v>197</v>
      </c>
      <c r="D78" s="2" t="s">
        <v>197</v>
      </c>
      <c r="E78" s="2" t="s">
        <v>47</v>
      </c>
      <c r="F78" s="2" t="s">
        <v>200</v>
      </c>
      <c r="G78" s="3" t="s">
        <v>203</v>
      </c>
      <c r="H78" s="4">
        <v>10</v>
      </c>
    </row>
    <row r="79" spans="1:8" ht="18.95" customHeight="1" x14ac:dyDescent="0.25">
      <c r="A79" s="2" t="s">
        <v>8</v>
      </c>
      <c r="B79" s="2" t="s">
        <v>204</v>
      </c>
      <c r="C79" s="2" t="s">
        <v>204</v>
      </c>
      <c r="D79" s="2" t="s">
        <v>204</v>
      </c>
      <c r="E79" s="2" t="s">
        <v>20</v>
      </c>
      <c r="F79" s="2" t="s">
        <v>205</v>
      </c>
      <c r="G79" s="3" t="s">
        <v>206</v>
      </c>
      <c r="H79" s="4">
        <v>10</v>
      </c>
    </row>
    <row r="80" spans="1:8" ht="18.95" customHeight="1" x14ac:dyDescent="0.25">
      <c r="A80" s="2" t="s">
        <v>8</v>
      </c>
      <c r="B80" s="2" t="s">
        <v>204</v>
      </c>
      <c r="C80" s="2" t="s">
        <v>204</v>
      </c>
      <c r="D80" s="2" t="s">
        <v>204</v>
      </c>
      <c r="E80" s="2" t="s">
        <v>12</v>
      </c>
      <c r="F80" s="2" t="s">
        <v>207</v>
      </c>
      <c r="G80" s="3" t="s">
        <v>208</v>
      </c>
      <c r="H80" s="4">
        <v>10</v>
      </c>
    </row>
    <row r="81" spans="1:8" ht="18.95" customHeight="1" x14ac:dyDescent="0.25">
      <c r="A81" s="2" t="s">
        <v>8</v>
      </c>
      <c r="B81" s="2" t="s">
        <v>204</v>
      </c>
      <c r="C81" s="2" t="s">
        <v>204</v>
      </c>
      <c r="D81" s="2" t="s">
        <v>204</v>
      </c>
      <c r="E81" s="2" t="s">
        <v>23</v>
      </c>
      <c r="F81" s="2" t="s">
        <v>209</v>
      </c>
      <c r="G81" s="3" t="s">
        <v>210</v>
      </c>
      <c r="H81" s="4">
        <v>8</v>
      </c>
    </row>
    <row r="82" spans="1:8" ht="18.95" customHeight="1" x14ac:dyDescent="0.25">
      <c r="A82" s="2" t="s">
        <v>8</v>
      </c>
      <c r="B82" s="2" t="s">
        <v>204</v>
      </c>
      <c r="C82" s="2" t="s">
        <v>204</v>
      </c>
      <c r="D82" s="2" t="s">
        <v>204</v>
      </c>
      <c r="E82" s="2" t="s">
        <v>15</v>
      </c>
      <c r="F82" s="2" t="s">
        <v>211</v>
      </c>
      <c r="G82" s="3" t="s">
        <v>212</v>
      </c>
      <c r="H82" s="4">
        <v>9</v>
      </c>
    </row>
    <row r="83" spans="1:8" ht="18.95" customHeight="1" x14ac:dyDescent="0.25">
      <c r="A83" s="2" t="s">
        <v>8</v>
      </c>
      <c r="B83" s="2" t="s">
        <v>204</v>
      </c>
      <c r="C83" s="2" t="s">
        <v>204</v>
      </c>
      <c r="D83" s="2" t="s">
        <v>204</v>
      </c>
      <c r="E83" s="2" t="s">
        <v>27</v>
      </c>
      <c r="F83" s="2" t="s">
        <v>205</v>
      </c>
      <c r="G83" s="3" t="s">
        <v>213</v>
      </c>
      <c r="H83" s="4">
        <v>10</v>
      </c>
    </row>
    <row r="84" spans="1:8" ht="18.95" customHeight="1" x14ac:dyDescent="0.25">
      <c r="A84" s="2" t="s">
        <v>8</v>
      </c>
      <c r="B84" s="2" t="s">
        <v>204</v>
      </c>
      <c r="C84" s="2" t="s">
        <v>204</v>
      </c>
      <c r="D84" s="2" t="s">
        <v>204</v>
      </c>
      <c r="E84" s="2" t="s">
        <v>47</v>
      </c>
      <c r="F84" s="2" t="s">
        <v>207</v>
      </c>
      <c r="G84" s="3" t="s">
        <v>214</v>
      </c>
      <c r="H84" s="4">
        <v>7</v>
      </c>
    </row>
    <row r="85" spans="1:8" ht="18.95" customHeight="1" x14ac:dyDescent="0.25">
      <c r="A85" s="2" t="s">
        <v>8</v>
      </c>
      <c r="B85" s="2" t="s">
        <v>215</v>
      </c>
      <c r="C85" s="2" t="s">
        <v>216</v>
      </c>
      <c r="D85" s="2" t="s">
        <v>216</v>
      </c>
      <c r="E85" s="2" t="s">
        <v>20</v>
      </c>
      <c r="F85" s="2" t="s">
        <v>217</v>
      </c>
      <c r="G85" s="3" t="s">
        <v>218</v>
      </c>
      <c r="H85" s="4">
        <v>10</v>
      </c>
    </row>
    <row r="86" spans="1:8" ht="18.95" customHeight="1" x14ac:dyDescent="0.25">
      <c r="A86" s="2" t="s">
        <v>8</v>
      </c>
      <c r="B86" s="2" t="s">
        <v>215</v>
      </c>
      <c r="C86" s="2" t="s">
        <v>216</v>
      </c>
      <c r="D86" s="2" t="s">
        <v>216</v>
      </c>
      <c r="E86" s="2" t="s">
        <v>23</v>
      </c>
      <c r="F86" s="2" t="s">
        <v>13</v>
      </c>
      <c r="G86" s="3" t="s">
        <v>219</v>
      </c>
      <c r="H86" s="4">
        <v>10</v>
      </c>
    </row>
    <row r="87" spans="1:8" ht="18.95" customHeight="1" x14ac:dyDescent="0.25">
      <c r="A87" s="2" t="s">
        <v>8</v>
      </c>
      <c r="B87" s="2" t="s">
        <v>215</v>
      </c>
      <c r="C87" s="2" t="s">
        <v>216</v>
      </c>
      <c r="D87" s="2" t="s">
        <v>216</v>
      </c>
      <c r="E87" s="2" t="s">
        <v>15</v>
      </c>
      <c r="F87" s="2" t="s">
        <v>13</v>
      </c>
      <c r="G87" s="3" t="s">
        <v>220</v>
      </c>
      <c r="H87" s="4">
        <v>7</v>
      </c>
    </row>
    <row r="88" spans="1:8" ht="18.95" customHeight="1" x14ac:dyDescent="0.25">
      <c r="A88" s="2" t="s">
        <v>8</v>
      </c>
      <c r="B88" s="2" t="s">
        <v>215</v>
      </c>
      <c r="C88" s="2" t="s">
        <v>221</v>
      </c>
      <c r="D88" s="2" t="s">
        <v>221</v>
      </c>
      <c r="E88" s="2" t="s">
        <v>27</v>
      </c>
      <c r="F88" s="2" t="s">
        <v>222</v>
      </c>
      <c r="G88" s="3" t="s">
        <v>223</v>
      </c>
      <c r="H88" s="4">
        <v>10</v>
      </c>
    </row>
    <row r="89" spans="1:8" ht="18.95" customHeight="1" x14ac:dyDescent="0.25">
      <c r="A89" s="2" t="s">
        <v>8</v>
      </c>
      <c r="B89" s="2" t="s">
        <v>232</v>
      </c>
      <c r="C89" s="2" t="s">
        <v>238</v>
      </c>
      <c r="D89" s="2" t="s">
        <v>238</v>
      </c>
      <c r="E89" s="2" t="s">
        <v>20</v>
      </c>
      <c r="F89" s="2" t="s">
        <v>239</v>
      </c>
      <c r="G89" s="3" t="s">
        <v>240</v>
      </c>
      <c r="H89" s="4">
        <v>8</v>
      </c>
    </row>
    <row r="90" spans="1:8" ht="18.95" customHeight="1" x14ac:dyDescent="0.25">
      <c r="A90" s="2" t="s">
        <v>8</v>
      </c>
      <c r="B90" s="2" t="s">
        <v>232</v>
      </c>
      <c r="C90" s="2" t="s">
        <v>238</v>
      </c>
      <c r="D90" s="2" t="s">
        <v>241</v>
      </c>
      <c r="E90" s="2" t="s">
        <v>12</v>
      </c>
      <c r="F90" s="2" t="s">
        <v>242</v>
      </c>
      <c r="G90" s="3" t="s">
        <v>243</v>
      </c>
      <c r="H90" s="4">
        <v>10</v>
      </c>
    </row>
    <row r="91" spans="1:8" ht="18.95" customHeight="1" x14ac:dyDescent="0.25">
      <c r="A91" s="2" t="s">
        <v>8</v>
      </c>
      <c r="B91" s="2" t="s">
        <v>232</v>
      </c>
      <c r="C91" s="2" t="s">
        <v>233</v>
      </c>
      <c r="D91" s="2" t="s">
        <v>233</v>
      </c>
      <c r="E91" s="2" t="s">
        <v>23</v>
      </c>
      <c r="F91" s="2" t="s">
        <v>234</v>
      </c>
      <c r="G91" s="3" t="s">
        <v>235</v>
      </c>
      <c r="H91" s="4">
        <v>10</v>
      </c>
    </row>
    <row r="92" spans="1:8" ht="18.95" customHeight="1" x14ac:dyDescent="0.25">
      <c r="A92" s="2" t="s">
        <v>8</v>
      </c>
      <c r="B92" s="2" t="s">
        <v>232</v>
      </c>
      <c r="C92" s="2" t="s">
        <v>238</v>
      </c>
      <c r="D92" s="2" t="s">
        <v>241</v>
      </c>
      <c r="E92" s="2" t="s">
        <v>15</v>
      </c>
      <c r="F92" s="2" t="s">
        <v>242</v>
      </c>
      <c r="G92" s="3" t="s">
        <v>244</v>
      </c>
      <c r="H92" s="4">
        <v>8</v>
      </c>
    </row>
    <row r="93" spans="1:8" ht="18.95" customHeight="1" x14ac:dyDescent="0.25">
      <c r="A93" s="2" t="s">
        <v>8</v>
      </c>
      <c r="B93" s="2" t="s">
        <v>232</v>
      </c>
      <c r="C93" s="2" t="s">
        <v>233</v>
      </c>
      <c r="D93" s="2" t="s">
        <v>233</v>
      </c>
      <c r="E93" s="2" t="s">
        <v>27</v>
      </c>
      <c r="F93" s="2" t="s">
        <v>236</v>
      </c>
      <c r="G93" s="3" t="s">
        <v>237</v>
      </c>
      <c r="H93" s="4">
        <v>10</v>
      </c>
    </row>
    <row r="94" spans="1:8" ht="18.95" customHeight="1" x14ac:dyDescent="0.25">
      <c r="A94" s="2" t="s">
        <v>8</v>
      </c>
      <c r="B94" s="2" t="s">
        <v>232</v>
      </c>
      <c r="C94" s="2" t="s">
        <v>238</v>
      </c>
      <c r="D94" s="2" t="s">
        <v>241</v>
      </c>
      <c r="E94" s="2" t="s">
        <v>47</v>
      </c>
      <c r="F94" s="2" t="s">
        <v>242</v>
      </c>
      <c r="G94" s="3" t="s">
        <v>245</v>
      </c>
      <c r="H94" s="4">
        <v>6</v>
      </c>
    </row>
    <row r="95" spans="1:8" ht="18.95" customHeight="1" x14ac:dyDescent="0.25">
      <c r="A95" s="2" t="s">
        <v>8</v>
      </c>
      <c r="B95" s="2" t="s">
        <v>224</v>
      </c>
      <c r="C95" s="2" t="s">
        <v>224</v>
      </c>
      <c r="D95" s="2" t="s">
        <v>224</v>
      </c>
      <c r="E95" s="2" t="s">
        <v>20</v>
      </c>
      <c r="F95" s="2" t="s">
        <v>225</v>
      </c>
      <c r="G95" s="3" t="s">
        <v>226</v>
      </c>
      <c r="H95" s="4">
        <v>10</v>
      </c>
    </row>
    <row r="96" spans="1:8" ht="18.95" customHeight="1" x14ac:dyDescent="0.25">
      <c r="A96" s="2" t="s">
        <v>8</v>
      </c>
      <c r="B96" s="2" t="s">
        <v>224</v>
      </c>
      <c r="C96" s="2" t="s">
        <v>224</v>
      </c>
      <c r="D96" s="2" t="s">
        <v>224</v>
      </c>
      <c r="E96" s="2" t="s">
        <v>23</v>
      </c>
      <c r="F96" s="2" t="s">
        <v>227</v>
      </c>
      <c r="G96" s="3" t="s">
        <v>228</v>
      </c>
      <c r="H96" s="4">
        <v>8</v>
      </c>
    </row>
    <row r="97" spans="1:8" ht="18.95" customHeight="1" x14ac:dyDescent="0.25">
      <c r="A97" s="2" t="s">
        <v>8</v>
      </c>
      <c r="B97" s="2" t="s">
        <v>224</v>
      </c>
      <c r="C97" s="2" t="s">
        <v>224</v>
      </c>
      <c r="D97" s="2" t="s">
        <v>224</v>
      </c>
      <c r="E97" s="2" t="s">
        <v>15</v>
      </c>
      <c r="F97" s="2" t="s">
        <v>229</v>
      </c>
      <c r="G97" s="3" t="s">
        <v>230</v>
      </c>
      <c r="H97" s="4">
        <v>8</v>
      </c>
    </row>
    <row r="98" spans="1:8" ht="18.95" customHeight="1" x14ac:dyDescent="0.25">
      <c r="A98" s="2" t="s">
        <v>8</v>
      </c>
      <c r="B98" s="2" t="s">
        <v>224</v>
      </c>
      <c r="C98" s="2" t="s">
        <v>224</v>
      </c>
      <c r="D98" s="2" t="s">
        <v>224</v>
      </c>
      <c r="E98" s="2" t="s">
        <v>27</v>
      </c>
      <c r="F98" s="2" t="s">
        <v>225</v>
      </c>
      <c r="G98" s="3" t="s">
        <v>231</v>
      </c>
      <c r="H98" s="4">
        <v>10</v>
      </c>
    </row>
    <row r="99" spans="1:8" ht="18.95" customHeight="1" x14ac:dyDescent="0.25">
      <c r="A99" s="2" t="s">
        <v>8</v>
      </c>
      <c r="B99" s="2" t="s">
        <v>246</v>
      </c>
      <c r="C99" s="2" t="s">
        <v>247</v>
      </c>
      <c r="D99" s="2" t="s">
        <v>247</v>
      </c>
      <c r="E99" s="2" t="s">
        <v>20</v>
      </c>
      <c r="F99" s="2" t="s">
        <v>248</v>
      </c>
      <c r="G99" s="3" t="s">
        <v>249</v>
      </c>
      <c r="H99" s="4">
        <v>10</v>
      </c>
    </row>
    <row r="100" spans="1:8" ht="18.95" customHeight="1" x14ac:dyDescent="0.25">
      <c r="A100" s="2" t="s">
        <v>8</v>
      </c>
      <c r="B100" s="2" t="s">
        <v>246</v>
      </c>
      <c r="C100" s="2" t="s">
        <v>247</v>
      </c>
      <c r="D100" s="2" t="s">
        <v>247</v>
      </c>
      <c r="E100" s="2" t="s">
        <v>12</v>
      </c>
      <c r="F100" s="2" t="s">
        <v>248</v>
      </c>
      <c r="G100" s="3" t="s">
        <v>250</v>
      </c>
      <c r="H100" s="4">
        <v>10</v>
      </c>
    </row>
    <row r="101" spans="1:8" ht="18.95" customHeight="1" x14ac:dyDescent="0.25">
      <c r="A101" s="2" t="s">
        <v>8</v>
      </c>
      <c r="B101" s="2" t="s">
        <v>246</v>
      </c>
      <c r="C101" s="2" t="s">
        <v>252</v>
      </c>
      <c r="D101" s="2" t="s">
        <v>253</v>
      </c>
      <c r="E101" s="2" t="s">
        <v>23</v>
      </c>
      <c r="F101" s="2" t="s">
        <v>254</v>
      </c>
      <c r="G101" s="3" t="s">
        <v>255</v>
      </c>
      <c r="H101" s="4">
        <v>10</v>
      </c>
    </row>
    <row r="102" spans="1:8" ht="18.95" customHeight="1" x14ac:dyDescent="0.25">
      <c r="A102" s="2" t="s">
        <v>8</v>
      </c>
      <c r="B102" s="2" t="s">
        <v>246</v>
      </c>
      <c r="C102" s="2" t="s">
        <v>252</v>
      </c>
      <c r="D102" s="2" t="s">
        <v>256</v>
      </c>
      <c r="E102" s="2" t="s">
        <v>15</v>
      </c>
      <c r="F102" s="2" t="s">
        <v>135</v>
      </c>
      <c r="G102" s="3" t="s">
        <v>257</v>
      </c>
      <c r="H102" s="4">
        <v>7</v>
      </c>
    </row>
    <row r="103" spans="1:8" ht="18.95" customHeight="1" x14ac:dyDescent="0.25">
      <c r="A103" s="2" t="s">
        <v>8</v>
      </c>
      <c r="B103" s="2" t="s">
        <v>246</v>
      </c>
      <c r="C103" s="2" t="s">
        <v>247</v>
      </c>
      <c r="D103" s="2" t="s">
        <v>247</v>
      </c>
      <c r="E103" s="2" t="s">
        <v>27</v>
      </c>
      <c r="F103" s="2" t="s">
        <v>248</v>
      </c>
      <c r="G103" s="3" t="s">
        <v>251</v>
      </c>
      <c r="H103" s="4">
        <v>10</v>
      </c>
    </row>
    <row r="104" spans="1:8" ht="18.95" customHeight="1" x14ac:dyDescent="0.25">
      <c r="A104" s="2" t="s">
        <v>8</v>
      </c>
      <c r="B104" s="2" t="s">
        <v>258</v>
      </c>
      <c r="C104" s="2" t="s">
        <v>264</v>
      </c>
      <c r="D104" s="2" t="s">
        <v>264</v>
      </c>
      <c r="E104" s="2" t="s">
        <v>20</v>
      </c>
      <c r="F104" s="2" t="s">
        <v>265</v>
      </c>
      <c r="G104" s="3" t="s">
        <v>266</v>
      </c>
      <c r="H104" s="4">
        <v>10</v>
      </c>
    </row>
    <row r="105" spans="1:8" ht="18.95" customHeight="1" x14ac:dyDescent="0.25">
      <c r="A105" s="2" t="s">
        <v>8</v>
      </c>
      <c r="B105" s="2" t="s">
        <v>258</v>
      </c>
      <c r="C105" s="2" t="s">
        <v>259</v>
      </c>
      <c r="D105" s="2" t="s">
        <v>259</v>
      </c>
      <c r="E105" s="2" t="s">
        <v>12</v>
      </c>
      <c r="F105" s="2" t="s">
        <v>260</v>
      </c>
      <c r="G105" s="3" t="s">
        <v>261</v>
      </c>
      <c r="H105" s="4">
        <v>10</v>
      </c>
    </row>
    <row r="106" spans="1:8" ht="18.95" customHeight="1" x14ac:dyDescent="0.25">
      <c r="A106" s="2" t="s">
        <v>8</v>
      </c>
      <c r="B106" s="2" t="s">
        <v>258</v>
      </c>
      <c r="C106" s="2" t="s">
        <v>264</v>
      </c>
      <c r="D106" s="2" t="s">
        <v>264</v>
      </c>
      <c r="E106" s="2" t="s">
        <v>23</v>
      </c>
      <c r="F106" s="2" t="s">
        <v>267</v>
      </c>
      <c r="G106" s="3" t="s">
        <v>268</v>
      </c>
      <c r="H106" s="4">
        <v>10</v>
      </c>
    </row>
    <row r="107" spans="1:8" ht="18.95" customHeight="1" x14ac:dyDescent="0.25">
      <c r="A107" s="2" t="s">
        <v>8</v>
      </c>
      <c r="B107" s="2" t="s">
        <v>258</v>
      </c>
      <c r="C107" s="2" t="s">
        <v>259</v>
      </c>
      <c r="D107" s="2" t="s">
        <v>259</v>
      </c>
      <c r="E107" s="2" t="s">
        <v>15</v>
      </c>
      <c r="F107" s="2" t="s">
        <v>260</v>
      </c>
      <c r="G107" s="3" t="s">
        <v>262</v>
      </c>
      <c r="H107" s="4">
        <v>10</v>
      </c>
    </row>
    <row r="108" spans="1:8" ht="18.95" customHeight="1" x14ac:dyDescent="0.25">
      <c r="A108" s="2" t="s">
        <v>8</v>
      </c>
      <c r="B108" s="2" t="s">
        <v>258</v>
      </c>
      <c r="C108" s="2" t="s">
        <v>264</v>
      </c>
      <c r="D108" s="2" t="s">
        <v>264</v>
      </c>
      <c r="E108" s="2" t="s">
        <v>27</v>
      </c>
      <c r="F108" s="2" t="s">
        <v>265</v>
      </c>
      <c r="G108" s="3" t="s">
        <v>269</v>
      </c>
      <c r="H108" s="4">
        <v>6</v>
      </c>
    </row>
    <row r="109" spans="1:8" ht="18.95" customHeight="1" x14ac:dyDescent="0.25">
      <c r="A109" s="2" t="s">
        <v>8</v>
      </c>
      <c r="B109" s="2" t="s">
        <v>258</v>
      </c>
      <c r="C109" s="2" t="s">
        <v>259</v>
      </c>
      <c r="D109" s="2" t="s">
        <v>259</v>
      </c>
      <c r="E109" s="2" t="s">
        <v>47</v>
      </c>
      <c r="F109" s="2" t="s">
        <v>260</v>
      </c>
      <c r="G109" s="3" t="s">
        <v>263</v>
      </c>
      <c r="H109" s="4">
        <v>8</v>
      </c>
    </row>
    <row r="110" spans="1:8" ht="18.95" customHeight="1" x14ac:dyDescent="0.25">
      <c r="A110" s="2" t="s">
        <v>8</v>
      </c>
      <c r="B110" s="2" t="s">
        <v>270</v>
      </c>
      <c r="C110" s="2" t="s">
        <v>271</v>
      </c>
      <c r="D110" s="2" t="s">
        <v>271</v>
      </c>
      <c r="E110" s="2" t="s">
        <v>20</v>
      </c>
      <c r="F110" s="2" t="s">
        <v>272</v>
      </c>
      <c r="G110" s="3" t="s">
        <v>273</v>
      </c>
      <c r="H110" s="4">
        <v>7</v>
      </c>
    </row>
    <row r="111" spans="1:8" ht="18.95" customHeight="1" x14ac:dyDescent="0.25">
      <c r="A111" s="2" t="s">
        <v>8</v>
      </c>
      <c r="B111" s="2" t="s">
        <v>270</v>
      </c>
      <c r="C111" s="2" t="s">
        <v>271</v>
      </c>
      <c r="D111" s="2" t="s">
        <v>271</v>
      </c>
      <c r="E111" s="2" t="s">
        <v>23</v>
      </c>
      <c r="F111" s="2" t="s">
        <v>272</v>
      </c>
      <c r="G111" s="3" t="s">
        <v>274</v>
      </c>
      <c r="H111" s="4">
        <v>7</v>
      </c>
    </row>
    <row r="112" spans="1:8" ht="18.95" customHeight="1" x14ac:dyDescent="0.25">
      <c r="A112" s="2" t="s">
        <v>8</v>
      </c>
      <c r="B112" s="2" t="s">
        <v>275</v>
      </c>
      <c r="C112" s="2" t="s">
        <v>280</v>
      </c>
      <c r="D112" s="2" t="s">
        <v>280</v>
      </c>
      <c r="E112" s="2" t="s">
        <v>20</v>
      </c>
      <c r="F112" s="2" t="s">
        <v>281</v>
      </c>
      <c r="G112" s="3" t="s">
        <v>282</v>
      </c>
      <c r="H112" s="4">
        <v>9</v>
      </c>
    </row>
    <row r="113" spans="1:8" ht="18.95" customHeight="1" x14ac:dyDescent="0.25">
      <c r="A113" s="2" t="s">
        <v>8</v>
      </c>
      <c r="B113" s="2" t="s">
        <v>275</v>
      </c>
      <c r="C113" s="2" t="s">
        <v>276</v>
      </c>
      <c r="D113" s="2" t="s">
        <v>277</v>
      </c>
      <c r="E113" s="2" t="s">
        <v>23</v>
      </c>
      <c r="F113" s="2" t="s">
        <v>278</v>
      </c>
      <c r="G113" s="3" t="s">
        <v>279</v>
      </c>
      <c r="H113" s="4">
        <v>10</v>
      </c>
    </row>
    <row r="114" spans="1:8" ht="18.95" customHeight="1" x14ac:dyDescent="0.25">
      <c r="A114" s="2" t="s">
        <v>8</v>
      </c>
      <c r="B114" s="2" t="s">
        <v>275</v>
      </c>
      <c r="C114" s="2" t="s">
        <v>280</v>
      </c>
      <c r="D114" s="2" t="s">
        <v>280</v>
      </c>
      <c r="E114" s="2" t="s">
        <v>27</v>
      </c>
      <c r="F114" s="2" t="s">
        <v>281</v>
      </c>
      <c r="G114" s="3" t="s">
        <v>283</v>
      </c>
      <c r="H114" s="4">
        <v>10</v>
      </c>
    </row>
  </sheetData>
  <autoFilter ref="A1:AK1">
    <sortState ref="A2:AK114">
      <sortCondition ref="B2:B114"/>
      <sortCondition ref="E2:E114"/>
    </sortState>
  </autoFilter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Arkusz2</vt:lpstr>
      <vt:lpstr>Shee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ichał Król</cp:lastModifiedBy>
  <dcterms:created xsi:type="dcterms:W3CDTF">2017-03-29T08:35:40Z</dcterms:created>
  <dcterms:modified xsi:type="dcterms:W3CDTF">2017-03-29T08:38:01Z</dcterms:modified>
</cp:coreProperties>
</file>